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6" r:id="rId24"/>
  </p:sldMasterIdLst>
  <p:notesMasterIdLst>
    <p:notesMasterId r:id="rId34"/>
  </p:notesMasterIdLst>
  <p:sldIdLst>
    <p:sldId id="2142533867" r:id="rId25"/>
    <p:sldId id="2142533868" r:id="rId26"/>
    <p:sldId id="2142533870" r:id="rId27"/>
    <p:sldId id="2142533871" r:id="rId28"/>
    <p:sldId id="2142533875" r:id="rId29"/>
    <p:sldId id="2142533872" r:id="rId30"/>
    <p:sldId id="2142533873" r:id="rId31"/>
    <p:sldId id="2142533874" r:id="rId32"/>
    <p:sldId id="2142533869" r:id="rId3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65B1"/>
    <a:srgbClr val="097288"/>
    <a:srgbClr val="008A00"/>
    <a:srgbClr val="DBDDDF"/>
    <a:srgbClr val="F6BD18"/>
    <a:srgbClr val="3C454A"/>
    <a:srgbClr val="D62429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CB5F212-2801-404C-BB59-79BB73F2D5BF}" v="681" dt="2024-04-18T12:52:35.46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napToGrid="0" showGuides="1">
      <p:cViewPr varScale="1">
        <p:scale>
          <a:sx n="116" d="100"/>
          <a:sy n="116" d="100"/>
        </p:scale>
        <p:origin x="102" y="414"/>
      </p:cViewPr>
      <p:guideLst>
        <p:guide orient="horz" pos="2160"/>
        <p:guide pos="2706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microsoft.com/office/2015/10/relationships/revisionInfo" Target="revisionInfo.xml"/><Relationship Id="rId21" Type="http://schemas.openxmlformats.org/officeDocument/2006/relationships/customXml" Target="../customXml/item21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9E6AEFE-615F-4D7E-A235-489E6BCCE835}" type="doc">
      <dgm:prSet loTypeId="urn:microsoft.com/office/officeart/2005/8/layout/hList1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FB9B1EBC-467B-42FA-9937-006EEE1B1836}">
      <dgm:prSet phldrT="[Text]"/>
      <dgm:spPr/>
      <dgm:t>
        <a:bodyPr/>
        <a:lstStyle/>
        <a:p>
          <a:r>
            <a:rPr lang="nb-NO" dirty="0"/>
            <a:t>Identity and </a:t>
          </a:r>
          <a:r>
            <a:rPr lang="nb-NO" dirty="0" err="1"/>
            <a:t>access</a:t>
          </a:r>
          <a:endParaRPr lang="en-US" dirty="0"/>
        </a:p>
      </dgm:t>
    </dgm:pt>
    <dgm:pt modelId="{EECE6132-7E6B-47EB-95C4-E2EC3090C295}" type="parTrans" cxnId="{883E4A73-ECC4-40F5-8448-1FEAF3029169}">
      <dgm:prSet/>
      <dgm:spPr/>
      <dgm:t>
        <a:bodyPr/>
        <a:lstStyle/>
        <a:p>
          <a:endParaRPr lang="en-US"/>
        </a:p>
      </dgm:t>
    </dgm:pt>
    <dgm:pt modelId="{8FD00314-0D26-4195-8668-38DD1C8EE880}" type="sibTrans" cxnId="{883E4A73-ECC4-40F5-8448-1FEAF3029169}">
      <dgm:prSet/>
      <dgm:spPr/>
      <dgm:t>
        <a:bodyPr/>
        <a:lstStyle/>
        <a:p>
          <a:endParaRPr lang="en-US"/>
        </a:p>
      </dgm:t>
    </dgm:pt>
    <dgm:pt modelId="{C9560400-98DA-4DB6-842A-1ECDEFCF46A6}">
      <dgm:prSet phldrT="[Text]"/>
      <dgm:spPr/>
      <dgm:t>
        <a:bodyPr/>
        <a:lstStyle/>
        <a:p>
          <a:r>
            <a:rPr lang="nb-NO" dirty="0" err="1"/>
            <a:t>Unnecessary</a:t>
          </a:r>
          <a:r>
            <a:rPr lang="nb-NO" dirty="0"/>
            <a:t> </a:t>
          </a:r>
          <a:r>
            <a:rPr lang="nb-NO" dirty="0" err="1"/>
            <a:t>Contributor</a:t>
          </a:r>
          <a:r>
            <a:rPr lang="nb-NO" dirty="0"/>
            <a:t>/</a:t>
          </a:r>
          <a:r>
            <a:rPr lang="nb-NO" dirty="0" err="1"/>
            <a:t>Owner</a:t>
          </a:r>
          <a:r>
            <a:rPr lang="nb-NO" dirty="0"/>
            <a:t> </a:t>
          </a:r>
          <a:r>
            <a:rPr lang="nb-NO" dirty="0" err="1"/>
            <a:t>rights</a:t>
          </a:r>
          <a:endParaRPr lang="en-US" dirty="0"/>
        </a:p>
      </dgm:t>
    </dgm:pt>
    <dgm:pt modelId="{DFD79044-81E7-4593-BE79-B993C1B9E7A5}" type="parTrans" cxnId="{B0E71B61-C1FD-44D5-8BEB-772E66515BD5}">
      <dgm:prSet/>
      <dgm:spPr/>
      <dgm:t>
        <a:bodyPr/>
        <a:lstStyle/>
        <a:p>
          <a:endParaRPr lang="en-US"/>
        </a:p>
      </dgm:t>
    </dgm:pt>
    <dgm:pt modelId="{F956D007-BFDC-4317-AAF4-8C5E66D319F2}" type="sibTrans" cxnId="{B0E71B61-C1FD-44D5-8BEB-772E66515BD5}">
      <dgm:prSet/>
      <dgm:spPr/>
      <dgm:t>
        <a:bodyPr/>
        <a:lstStyle/>
        <a:p>
          <a:endParaRPr lang="en-US"/>
        </a:p>
      </dgm:t>
    </dgm:pt>
    <dgm:pt modelId="{6BB69776-CE2E-4CD7-9B7C-BDEFB86D2B49}">
      <dgm:prSet phldrT="[Text]"/>
      <dgm:spPr/>
      <dgm:t>
        <a:bodyPr/>
        <a:lstStyle/>
        <a:p>
          <a:r>
            <a:rPr lang="nb-NO" dirty="0" err="1"/>
            <a:t>Admin</a:t>
          </a:r>
          <a:r>
            <a:rPr lang="nb-NO" dirty="0"/>
            <a:t> </a:t>
          </a:r>
          <a:r>
            <a:rPr lang="nb-NO" dirty="0" err="1"/>
            <a:t>without</a:t>
          </a:r>
          <a:r>
            <a:rPr lang="nb-NO" dirty="0"/>
            <a:t> MFA</a:t>
          </a:r>
          <a:endParaRPr lang="en-US" dirty="0"/>
        </a:p>
      </dgm:t>
    </dgm:pt>
    <dgm:pt modelId="{E6DB0D3E-E650-4E5D-9221-DA8EE24E828B}" type="parTrans" cxnId="{59F07C1C-0349-4D94-A843-DFB177E61C99}">
      <dgm:prSet/>
      <dgm:spPr/>
      <dgm:t>
        <a:bodyPr/>
        <a:lstStyle/>
        <a:p>
          <a:endParaRPr lang="en-US"/>
        </a:p>
      </dgm:t>
    </dgm:pt>
    <dgm:pt modelId="{B5676645-A902-4549-8A9A-5C4F06533F40}" type="sibTrans" cxnId="{59F07C1C-0349-4D94-A843-DFB177E61C99}">
      <dgm:prSet/>
      <dgm:spPr/>
      <dgm:t>
        <a:bodyPr/>
        <a:lstStyle/>
        <a:p>
          <a:endParaRPr lang="en-US"/>
        </a:p>
      </dgm:t>
    </dgm:pt>
    <dgm:pt modelId="{C616E7E6-6DF2-4D52-B197-966C0689CA7E}">
      <dgm:prSet phldrT="[Text]"/>
      <dgm:spPr/>
      <dgm:t>
        <a:bodyPr/>
        <a:lstStyle/>
        <a:p>
          <a:r>
            <a:rPr lang="nb-NO" dirty="0"/>
            <a:t>Network</a:t>
          </a:r>
          <a:endParaRPr lang="en-US" dirty="0"/>
        </a:p>
      </dgm:t>
    </dgm:pt>
    <dgm:pt modelId="{3FD52FD6-12B4-4491-87DD-B27F961059D6}" type="parTrans" cxnId="{71CC7873-C19E-4868-B40D-C1DCB43700E9}">
      <dgm:prSet/>
      <dgm:spPr/>
      <dgm:t>
        <a:bodyPr/>
        <a:lstStyle/>
        <a:p>
          <a:endParaRPr lang="en-US"/>
        </a:p>
      </dgm:t>
    </dgm:pt>
    <dgm:pt modelId="{14EDF621-32D8-4E70-95FB-3E52CAEE9B30}" type="sibTrans" cxnId="{71CC7873-C19E-4868-B40D-C1DCB43700E9}">
      <dgm:prSet/>
      <dgm:spPr/>
      <dgm:t>
        <a:bodyPr/>
        <a:lstStyle/>
        <a:p>
          <a:endParaRPr lang="en-US"/>
        </a:p>
      </dgm:t>
    </dgm:pt>
    <dgm:pt modelId="{8340F8D2-14C0-44CB-BAD8-7759647F3110}">
      <dgm:prSet phldrT="[Text]"/>
      <dgm:spPr/>
      <dgm:t>
        <a:bodyPr/>
        <a:lstStyle/>
        <a:p>
          <a:r>
            <a:rPr lang="nb-NO" dirty="0"/>
            <a:t>Resources </a:t>
          </a:r>
          <a:r>
            <a:rPr lang="nb-NO" dirty="0" err="1"/>
            <a:t>with</a:t>
          </a:r>
          <a:r>
            <a:rPr lang="nb-NO" dirty="0"/>
            <a:t> </a:t>
          </a:r>
          <a:r>
            <a:rPr lang="nb-NO" dirty="0" err="1"/>
            <a:t>public</a:t>
          </a:r>
          <a:r>
            <a:rPr lang="nb-NO" dirty="0"/>
            <a:t> </a:t>
          </a:r>
          <a:r>
            <a:rPr lang="nb-NO" dirty="0" err="1"/>
            <a:t>access</a:t>
          </a:r>
          <a:endParaRPr lang="en-US" dirty="0"/>
        </a:p>
      </dgm:t>
    </dgm:pt>
    <dgm:pt modelId="{D228CB98-49BE-43E1-81F2-6AF89046381F}" type="parTrans" cxnId="{387089C8-F9DA-4207-BE58-DD02F2673B80}">
      <dgm:prSet/>
      <dgm:spPr/>
      <dgm:t>
        <a:bodyPr/>
        <a:lstStyle/>
        <a:p>
          <a:endParaRPr lang="en-US"/>
        </a:p>
      </dgm:t>
    </dgm:pt>
    <dgm:pt modelId="{B4653089-D7EF-4B3A-BBA5-A9B72E264F97}" type="sibTrans" cxnId="{387089C8-F9DA-4207-BE58-DD02F2673B80}">
      <dgm:prSet/>
      <dgm:spPr/>
      <dgm:t>
        <a:bodyPr/>
        <a:lstStyle/>
        <a:p>
          <a:endParaRPr lang="en-US"/>
        </a:p>
      </dgm:t>
    </dgm:pt>
    <dgm:pt modelId="{9F0FF55B-12A7-4AD4-82DC-EE7642C95CF5}">
      <dgm:prSet phldrT="[Text]"/>
      <dgm:spPr/>
      <dgm:t>
        <a:bodyPr/>
        <a:lstStyle/>
        <a:p>
          <a:r>
            <a:rPr lang="nb-NO" dirty="0" err="1"/>
            <a:t>Encryption</a:t>
          </a:r>
          <a:endParaRPr lang="en-US" dirty="0"/>
        </a:p>
      </dgm:t>
    </dgm:pt>
    <dgm:pt modelId="{80D2844E-9948-48C1-A6D4-3B6E74F0C112}" type="parTrans" cxnId="{DA2C2521-97CB-4A35-9D18-5D8B3BBEFB87}">
      <dgm:prSet/>
      <dgm:spPr/>
      <dgm:t>
        <a:bodyPr/>
        <a:lstStyle/>
        <a:p>
          <a:endParaRPr lang="en-US"/>
        </a:p>
      </dgm:t>
    </dgm:pt>
    <dgm:pt modelId="{5EE156B8-ADB9-4CB0-A716-3BC4D93156A5}" type="sibTrans" cxnId="{DA2C2521-97CB-4A35-9D18-5D8B3BBEFB87}">
      <dgm:prSet/>
      <dgm:spPr/>
      <dgm:t>
        <a:bodyPr/>
        <a:lstStyle/>
        <a:p>
          <a:endParaRPr lang="en-US"/>
        </a:p>
      </dgm:t>
    </dgm:pt>
    <dgm:pt modelId="{470B4897-E84E-4FE4-8251-D7F977390E5B}">
      <dgm:prSet phldrT="[Text]"/>
      <dgm:spPr/>
      <dgm:t>
        <a:bodyPr/>
        <a:lstStyle/>
        <a:p>
          <a:r>
            <a:rPr lang="nb-NO" dirty="0"/>
            <a:t>Security</a:t>
          </a:r>
          <a:endParaRPr lang="en-US" dirty="0"/>
        </a:p>
      </dgm:t>
    </dgm:pt>
    <dgm:pt modelId="{84530537-A812-4CA4-B1B8-6F74E30A383F}" type="parTrans" cxnId="{DDD5748E-4C82-4096-8C6B-CBFF0B511129}">
      <dgm:prSet/>
      <dgm:spPr/>
      <dgm:t>
        <a:bodyPr/>
        <a:lstStyle/>
        <a:p>
          <a:endParaRPr lang="en-US"/>
        </a:p>
      </dgm:t>
    </dgm:pt>
    <dgm:pt modelId="{2DDC3AB2-4CD6-43CF-B67E-107DFCF46BFB}" type="sibTrans" cxnId="{DDD5748E-4C82-4096-8C6B-CBFF0B511129}">
      <dgm:prSet/>
      <dgm:spPr/>
      <dgm:t>
        <a:bodyPr/>
        <a:lstStyle/>
        <a:p>
          <a:endParaRPr lang="en-US"/>
        </a:p>
      </dgm:t>
    </dgm:pt>
    <dgm:pt modelId="{E6664FB2-5B36-4FCD-9E88-977A2F888410}">
      <dgm:prSet phldrT="[Text]"/>
      <dgm:spPr/>
      <dgm:t>
        <a:bodyPr/>
        <a:lstStyle/>
        <a:p>
          <a:r>
            <a:rPr lang="en-US" dirty="0"/>
            <a:t>Log Analytics agent should be installed on virtual machines</a:t>
          </a:r>
        </a:p>
      </dgm:t>
    </dgm:pt>
    <dgm:pt modelId="{C839E42F-D1B4-4861-9D6A-A6284BF6E6FF}" type="parTrans" cxnId="{6C9BCF7B-4196-415D-9DED-BE0ADFC874DD}">
      <dgm:prSet/>
      <dgm:spPr/>
      <dgm:t>
        <a:bodyPr/>
        <a:lstStyle/>
        <a:p>
          <a:endParaRPr lang="en-US"/>
        </a:p>
      </dgm:t>
    </dgm:pt>
    <dgm:pt modelId="{C79E8BE6-A1F3-463F-8F0F-290E5479CD95}" type="sibTrans" cxnId="{6C9BCF7B-4196-415D-9DED-BE0ADFC874DD}">
      <dgm:prSet/>
      <dgm:spPr/>
      <dgm:t>
        <a:bodyPr/>
        <a:lstStyle/>
        <a:p>
          <a:endParaRPr lang="en-US"/>
        </a:p>
      </dgm:t>
    </dgm:pt>
    <dgm:pt modelId="{0513E138-9AA2-4C39-AF25-F17F1BB37C42}">
      <dgm:prSet phldrT="[Text]"/>
      <dgm:spPr/>
      <dgm:t>
        <a:bodyPr/>
        <a:lstStyle/>
        <a:p>
          <a:r>
            <a:rPr lang="en-US" dirty="0"/>
            <a:t>Web Application Firewall (WAF) should be enabled for Application Gateway</a:t>
          </a:r>
        </a:p>
      </dgm:t>
    </dgm:pt>
    <dgm:pt modelId="{056AA0D2-BD90-438F-9309-745EEDF514CB}" type="parTrans" cxnId="{DC0AAF6E-FD79-4CA4-8399-7E37915801EB}">
      <dgm:prSet/>
      <dgm:spPr/>
      <dgm:t>
        <a:bodyPr/>
        <a:lstStyle/>
        <a:p>
          <a:endParaRPr lang="en-US"/>
        </a:p>
      </dgm:t>
    </dgm:pt>
    <dgm:pt modelId="{E25799DD-269F-4806-8150-9A302C56EDE7}" type="sibTrans" cxnId="{DC0AAF6E-FD79-4CA4-8399-7E37915801EB}">
      <dgm:prSet/>
      <dgm:spPr/>
      <dgm:t>
        <a:bodyPr/>
        <a:lstStyle/>
        <a:p>
          <a:endParaRPr lang="en-US"/>
        </a:p>
      </dgm:t>
    </dgm:pt>
    <dgm:pt modelId="{48840668-852F-4144-A8A1-3EE4A1E954FC}">
      <dgm:prSet phldrT="[Text]"/>
      <dgm:spPr/>
      <dgm:t>
        <a:bodyPr/>
        <a:lstStyle/>
        <a:p>
          <a:r>
            <a:rPr lang="nb-NO" dirty="0" err="1"/>
            <a:t>Guest</a:t>
          </a:r>
          <a:r>
            <a:rPr lang="nb-NO" dirty="0"/>
            <a:t> </a:t>
          </a:r>
          <a:r>
            <a:rPr lang="nb-NO" dirty="0" err="1"/>
            <a:t>acccount</a:t>
          </a:r>
          <a:r>
            <a:rPr lang="nb-NO" dirty="0"/>
            <a:t> </a:t>
          </a:r>
          <a:r>
            <a:rPr lang="nb-NO" dirty="0" err="1"/>
            <a:t>Owners</a:t>
          </a:r>
          <a:endParaRPr lang="en-US" dirty="0"/>
        </a:p>
      </dgm:t>
    </dgm:pt>
    <dgm:pt modelId="{7269C75B-6978-40E1-A489-DF5407995F21}" type="parTrans" cxnId="{984FC0F8-9004-4418-BFB5-BD6BADF00211}">
      <dgm:prSet/>
      <dgm:spPr/>
      <dgm:t>
        <a:bodyPr/>
        <a:lstStyle/>
        <a:p>
          <a:endParaRPr lang="en-US"/>
        </a:p>
      </dgm:t>
    </dgm:pt>
    <dgm:pt modelId="{BD16BD57-BA2F-40DF-979F-19354A36A9D2}" type="sibTrans" cxnId="{984FC0F8-9004-4418-BFB5-BD6BADF00211}">
      <dgm:prSet/>
      <dgm:spPr/>
      <dgm:t>
        <a:bodyPr/>
        <a:lstStyle/>
        <a:p>
          <a:endParaRPr lang="en-US"/>
        </a:p>
      </dgm:t>
    </dgm:pt>
    <dgm:pt modelId="{0B2F66FF-3869-48C5-9284-465B9091CA59}">
      <dgm:prSet phldrT="[Text]"/>
      <dgm:spPr/>
      <dgm:t>
        <a:bodyPr/>
        <a:lstStyle/>
        <a:p>
          <a:r>
            <a:rPr lang="nb-NO" dirty="0" err="1"/>
            <a:t>Unaccounted</a:t>
          </a:r>
          <a:r>
            <a:rPr lang="nb-NO" dirty="0"/>
            <a:t> User </a:t>
          </a:r>
          <a:r>
            <a:rPr lang="nb-NO" dirty="0" err="1"/>
            <a:t>Admins</a:t>
          </a:r>
          <a:endParaRPr lang="en-US" dirty="0"/>
        </a:p>
      </dgm:t>
    </dgm:pt>
    <dgm:pt modelId="{DDF1A8FF-7E65-4890-A9BF-AC03822C4391}" type="parTrans" cxnId="{B17BB910-6FCF-4769-9823-1B7BB162D906}">
      <dgm:prSet/>
      <dgm:spPr/>
      <dgm:t>
        <a:bodyPr/>
        <a:lstStyle/>
        <a:p>
          <a:endParaRPr lang="en-US"/>
        </a:p>
      </dgm:t>
    </dgm:pt>
    <dgm:pt modelId="{8B8307F6-E29D-47E3-91AC-B1868DE133CD}" type="sibTrans" cxnId="{B17BB910-6FCF-4769-9823-1B7BB162D906}">
      <dgm:prSet/>
      <dgm:spPr/>
      <dgm:t>
        <a:bodyPr/>
        <a:lstStyle/>
        <a:p>
          <a:endParaRPr lang="en-US"/>
        </a:p>
      </dgm:t>
    </dgm:pt>
    <dgm:pt modelId="{319455E4-CD58-4321-A34C-5C0DAB2610DB}">
      <dgm:prSet phldrT="[Text]"/>
      <dgm:spPr/>
      <dgm:t>
        <a:bodyPr/>
        <a:lstStyle/>
        <a:p>
          <a:r>
            <a:rPr lang="nb-NO" dirty="0"/>
            <a:t>Open for all  </a:t>
          </a:r>
          <a:r>
            <a:rPr lang="nb-NO" dirty="0" err="1"/>
            <a:t>traffic</a:t>
          </a:r>
          <a:r>
            <a:rPr lang="nb-NO" dirty="0"/>
            <a:t> NSG</a:t>
          </a:r>
          <a:endParaRPr lang="en-US" dirty="0"/>
        </a:p>
      </dgm:t>
    </dgm:pt>
    <dgm:pt modelId="{4DD698B0-BF76-453A-BAF2-B05C88E69B01}" type="parTrans" cxnId="{B9E6DC0D-8189-4399-9109-920CE123053F}">
      <dgm:prSet/>
      <dgm:spPr/>
      <dgm:t>
        <a:bodyPr/>
        <a:lstStyle/>
        <a:p>
          <a:endParaRPr lang="en-US"/>
        </a:p>
      </dgm:t>
    </dgm:pt>
    <dgm:pt modelId="{E1E40069-52B7-409D-901B-58C29511222E}" type="sibTrans" cxnId="{B9E6DC0D-8189-4399-9109-920CE123053F}">
      <dgm:prSet/>
      <dgm:spPr/>
      <dgm:t>
        <a:bodyPr/>
        <a:lstStyle/>
        <a:p>
          <a:endParaRPr lang="en-US"/>
        </a:p>
      </dgm:t>
    </dgm:pt>
    <dgm:pt modelId="{5C40145F-E95F-4D8D-93BC-DA7748E910CA}">
      <dgm:prSet phldrT="[Text]"/>
      <dgm:spPr/>
      <dgm:t>
        <a:bodyPr/>
        <a:lstStyle/>
        <a:p>
          <a:r>
            <a:rPr lang="nb-NO" dirty="0"/>
            <a:t>Storage </a:t>
          </a:r>
          <a:r>
            <a:rPr lang="nb-NO" dirty="0" err="1"/>
            <a:t>account</a:t>
          </a:r>
          <a:r>
            <a:rPr lang="nb-NO" dirty="0"/>
            <a:t> </a:t>
          </a:r>
          <a:r>
            <a:rPr lang="nb-NO" dirty="0" err="1"/>
            <a:t>blobs</a:t>
          </a:r>
          <a:r>
            <a:rPr lang="nb-NO" dirty="0"/>
            <a:t> </a:t>
          </a:r>
          <a:r>
            <a:rPr lang="nb-NO" dirty="0" err="1"/>
            <a:t>with</a:t>
          </a:r>
          <a:r>
            <a:rPr lang="nb-NO" dirty="0"/>
            <a:t> </a:t>
          </a:r>
          <a:r>
            <a:rPr lang="nb-NO" dirty="0" err="1"/>
            <a:t>public</a:t>
          </a:r>
          <a:r>
            <a:rPr lang="nb-NO" dirty="0"/>
            <a:t> </a:t>
          </a:r>
          <a:r>
            <a:rPr lang="nb-NO" dirty="0" err="1"/>
            <a:t>access</a:t>
          </a:r>
          <a:endParaRPr lang="en-US" dirty="0"/>
        </a:p>
      </dgm:t>
    </dgm:pt>
    <dgm:pt modelId="{5F77B1D1-99DA-4F8E-AB3F-8E2C9479956E}" type="parTrans" cxnId="{6234B106-EBF8-46E6-886E-FF7BE0728629}">
      <dgm:prSet/>
      <dgm:spPr/>
      <dgm:t>
        <a:bodyPr/>
        <a:lstStyle/>
        <a:p>
          <a:endParaRPr lang="en-US"/>
        </a:p>
      </dgm:t>
    </dgm:pt>
    <dgm:pt modelId="{0B29B0CB-553A-46FA-A7C0-CB520391D67A}" type="sibTrans" cxnId="{6234B106-EBF8-46E6-886E-FF7BE0728629}">
      <dgm:prSet/>
      <dgm:spPr/>
      <dgm:t>
        <a:bodyPr/>
        <a:lstStyle/>
        <a:p>
          <a:endParaRPr lang="en-US"/>
        </a:p>
      </dgm:t>
    </dgm:pt>
    <dgm:pt modelId="{B096DA2A-2789-46AE-AF7A-2C0FC0D2E4DF}">
      <dgm:prSet phldrT="[Text]"/>
      <dgm:spPr/>
      <dgm:t>
        <a:bodyPr/>
        <a:lstStyle/>
        <a:p>
          <a:r>
            <a:rPr lang="nb-NO" dirty="0"/>
            <a:t>Public IP </a:t>
          </a:r>
          <a:r>
            <a:rPr lang="nb-NO" dirty="0" err="1"/>
            <a:t>on</a:t>
          </a:r>
          <a:r>
            <a:rPr lang="nb-NO" dirty="0"/>
            <a:t> </a:t>
          </a:r>
          <a:r>
            <a:rPr lang="nb-NO" dirty="0" err="1"/>
            <a:t>core</a:t>
          </a:r>
          <a:r>
            <a:rPr lang="nb-NO" dirty="0"/>
            <a:t> </a:t>
          </a:r>
          <a:r>
            <a:rPr lang="nb-NO" dirty="0" err="1"/>
            <a:t>infra</a:t>
          </a:r>
          <a:r>
            <a:rPr lang="nb-NO" dirty="0"/>
            <a:t> servers</a:t>
          </a:r>
          <a:endParaRPr lang="en-US" dirty="0"/>
        </a:p>
      </dgm:t>
    </dgm:pt>
    <dgm:pt modelId="{589C6BE7-6F77-4754-96BA-86CCE91DBDC4}" type="parTrans" cxnId="{8A10579A-52F8-4454-B71A-087A5FFFC344}">
      <dgm:prSet/>
      <dgm:spPr/>
      <dgm:t>
        <a:bodyPr/>
        <a:lstStyle/>
        <a:p>
          <a:endParaRPr lang="en-US"/>
        </a:p>
      </dgm:t>
    </dgm:pt>
    <dgm:pt modelId="{D1E63C54-7F1E-40BC-A3B6-818FB5900738}" type="sibTrans" cxnId="{8A10579A-52F8-4454-B71A-087A5FFFC344}">
      <dgm:prSet/>
      <dgm:spPr/>
      <dgm:t>
        <a:bodyPr/>
        <a:lstStyle/>
        <a:p>
          <a:endParaRPr lang="en-US"/>
        </a:p>
      </dgm:t>
    </dgm:pt>
    <dgm:pt modelId="{9D0CA299-F3B9-468A-B779-B9F6ED2D847D}">
      <dgm:prSet phldrT="[Text]"/>
      <dgm:spPr/>
      <dgm:t>
        <a:bodyPr/>
        <a:lstStyle/>
        <a:p>
          <a:r>
            <a:rPr lang="nb-NO" dirty="0"/>
            <a:t>FTPS not </a:t>
          </a:r>
          <a:r>
            <a:rPr lang="nb-NO" dirty="0" err="1"/>
            <a:t>enabled</a:t>
          </a:r>
          <a:endParaRPr lang="en-US" dirty="0"/>
        </a:p>
      </dgm:t>
    </dgm:pt>
    <dgm:pt modelId="{EC8195DB-1B64-495B-9063-E1C38A9DE63D}" type="parTrans" cxnId="{73FF8FF5-535B-4CD7-88E6-9A01AAB56318}">
      <dgm:prSet/>
      <dgm:spPr/>
      <dgm:t>
        <a:bodyPr/>
        <a:lstStyle/>
        <a:p>
          <a:endParaRPr lang="en-US"/>
        </a:p>
      </dgm:t>
    </dgm:pt>
    <dgm:pt modelId="{123751F0-4573-4551-B3D5-E0EA2067FA3B}" type="sibTrans" cxnId="{73FF8FF5-535B-4CD7-88E6-9A01AAB56318}">
      <dgm:prSet/>
      <dgm:spPr/>
      <dgm:t>
        <a:bodyPr/>
        <a:lstStyle/>
        <a:p>
          <a:endParaRPr lang="en-US"/>
        </a:p>
      </dgm:t>
    </dgm:pt>
    <dgm:pt modelId="{BFEE9F38-0BAB-4F22-A385-17C80E5C99FA}">
      <dgm:prSet phldrT="[Text]"/>
      <dgm:spPr/>
      <dgm:t>
        <a:bodyPr/>
        <a:lstStyle/>
        <a:p>
          <a:r>
            <a:rPr lang="nb-NO" dirty="0"/>
            <a:t>TLS 1.0/1.1 </a:t>
          </a:r>
          <a:r>
            <a:rPr lang="nb-NO" dirty="0" err="1"/>
            <a:t>enabled</a:t>
          </a:r>
          <a:endParaRPr lang="en-US" dirty="0"/>
        </a:p>
      </dgm:t>
    </dgm:pt>
    <dgm:pt modelId="{A69E4E5E-BD56-4A27-90DD-545E2661AE95}" type="parTrans" cxnId="{78BBC55B-BCE5-4869-81EE-8A9FDA8ED631}">
      <dgm:prSet/>
      <dgm:spPr/>
      <dgm:t>
        <a:bodyPr/>
        <a:lstStyle/>
        <a:p>
          <a:endParaRPr lang="en-US"/>
        </a:p>
      </dgm:t>
    </dgm:pt>
    <dgm:pt modelId="{A08EC881-4FCE-455F-AD38-D3585864B26E}" type="sibTrans" cxnId="{78BBC55B-BCE5-4869-81EE-8A9FDA8ED631}">
      <dgm:prSet/>
      <dgm:spPr/>
      <dgm:t>
        <a:bodyPr/>
        <a:lstStyle/>
        <a:p>
          <a:endParaRPr lang="en-US"/>
        </a:p>
      </dgm:t>
    </dgm:pt>
    <dgm:pt modelId="{94DB8D46-6AF3-48CC-BC14-E3170A06550B}">
      <dgm:prSet phldrT="[Text]"/>
      <dgm:spPr/>
      <dgm:t>
        <a:bodyPr/>
        <a:lstStyle/>
        <a:p>
          <a:r>
            <a:rPr lang="nb-NO" dirty="0"/>
            <a:t>Databases </a:t>
          </a:r>
          <a:r>
            <a:rPr lang="nb-NO" dirty="0" err="1"/>
            <a:t>missing</a:t>
          </a:r>
          <a:r>
            <a:rPr lang="nb-NO" dirty="0"/>
            <a:t> </a:t>
          </a:r>
          <a:r>
            <a:rPr lang="nb-NO" dirty="0" err="1"/>
            <a:t>encryption</a:t>
          </a:r>
          <a:endParaRPr lang="en-US" dirty="0"/>
        </a:p>
      </dgm:t>
    </dgm:pt>
    <dgm:pt modelId="{11E9A4D6-D26E-4356-9290-023CC63A7F4E}" type="parTrans" cxnId="{0D6D9E28-14E4-45B6-BCA2-FE32CBF9AD13}">
      <dgm:prSet/>
      <dgm:spPr/>
      <dgm:t>
        <a:bodyPr/>
        <a:lstStyle/>
        <a:p>
          <a:endParaRPr lang="en-US"/>
        </a:p>
      </dgm:t>
    </dgm:pt>
    <dgm:pt modelId="{4719DFE5-85D4-4797-8E0F-10A34333E62C}" type="sibTrans" cxnId="{0D6D9E28-14E4-45B6-BCA2-FE32CBF9AD13}">
      <dgm:prSet/>
      <dgm:spPr/>
      <dgm:t>
        <a:bodyPr/>
        <a:lstStyle/>
        <a:p>
          <a:endParaRPr lang="en-US"/>
        </a:p>
      </dgm:t>
    </dgm:pt>
    <dgm:pt modelId="{130CCDFB-6725-4665-9935-91BB4F11E6BC}">
      <dgm:prSet phldrT="[Text]"/>
      <dgm:spPr/>
      <dgm:t>
        <a:bodyPr/>
        <a:lstStyle/>
        <a:p>
          <a:r>
            <a:rPr lang="nb-NO" dirty="0"/>
            <a:t>Disk </a:t>
          </a:r>
          <a:r>
            <a:rPr lang="nb-NO" dirty="0" err="1"/>
            <a:t>encryption</a:t>
          </a:r>
          <a:r>
            <a:rPr lang="nb-NO" dirty="0"/>
            <a:t> </a:t>
          </a:r>
          <a:r>
            <a:rPr lang="nb-NO" dirty="0" err="1"/>
            <a:t>missing</a:t>
          </a:r>
          <a:endParaRPr lang="en-US" dirty="0"/>
        </a:p>
      </dgm:t>
    </dgm:pt>
    <dgm:pt modelId="{1FC5438A-1C72-4EF9-94DC-0FF458F8B32D}" type="parTrans" cxnId="{0879BD17-278C-46B1-9729-59C4AEC7A3E1}">
      <dgm:prSet/>
      <dgm:spPr/>
      <dgm:t>
        <a:bodyPr/>
        <a:lstStyle/>
        <a:p>
          <a:endParaRPr lang="en-US"/>
        </a:p>
      </dgm:t>
    </dgm:pt>
    <dgm:pt modelId="{8CD120BA-8222-49AA-905B-A4E5EE999ECF}" type="sibTrans" cxnId="{0879BD17-278C-46B1-9729-59C4AEC7A3E1}">
      <dgm:prSet/>
      <dgm:spPr/>
      <dgm:t>
        <a:bodyPr/>
        <a:lstStyle/>
        <a:p>
          <a:endParaRPr lang="en-US"/>
        </a:p>
      </dgm:t>
    </dgm:pt>
    <dgm:pt modelId="{1EDF2847-97DE-4D6A-9732-5A8544DE31F0}">
      <dgm:prSet phldrT="[Text]"/>
      <dgm:spPr/>
      <dgm:t>
        <a:bodyPr/>
        <a:lstStyle/>
        <a:p>
          <a:r>
            <a:rPr lang="nb-NO" dirty="0"/>
            <a:t>Management ports </a:t>
          </a:r>
          <a:r>
            <a:rPr lang="nb-NO" dirty="0" err="1"/>
            <a:t>need</a:t>
          </a:r>
          <a:r>
            <a:rPr lang="nb-NO" dirty="0"/>
            <a:t> JIT</a:t>
          </a:r>
          <a:endParaRPr lang="en-US" dirty="0"/>
        </a:p>
      </dgm:t>
    </dgm:pt>
    <dgm:pt modelId="{14202BA1-5A75-4439-B509-9D9AC18CEFCD}" type="parTrans" cxnId="{7238D6FB-0290-48C8-9ADC-BC5A08DC64D1}">
      <dgm:prSet/>
      <dgm:spPr/>
      <dgm:t>
        <a:bodyPr/>
        <a:lstStyle/>
        <a:p>
          <a:endParaRPr lang="en-US"/>
        </a:p>
      </dgm:t>
    </dgm:pt>
    <dgm:pt modelId="{1EA0B951-16A2-4F1F-811B-78CD530BCA12}" type="sibTrans" cxnId="{7238D6FB-0290-48C8-9ADC-BC5A08DC64D1}">
      <dgm:prSet/>
      <dgm:spPr/>
      <dgm:t>
        <a:bodyPr/>
        <a:lstStyle/>
        <a:p>
          <a:endParaRPr lang="en-US"/>
        </a:p>
      </dgm:t>
    </dgm:pt>
    <dgm:pt modelId="{D7B40FF6-3F9D-4EFC-B664-8B28FFE22F2D}">
      <dgm:prSet phldrT="[Text]"/>
      <dgm:spPr/>
      <dgm:t>
        <a:bodyPr/>
        <a:lstStyle/>
        <a:p>
          <a:r>
            <a:rPr lang="nb-NO" dirty="0" err="1"/>
            <a:t>Encryption</a:t>
          </a:r>
          <a:r>
            <a:rPr lang="nb-NO" dirty="0"/>
            <a:t> in </a:t>
          </a:r>
          <a:r>
            <a:rPr lang="nb-NO" dirty="0" err="1"/>
            <a:t>transit</a:t>
          </a:r>
          <a:r>
            <a:rPr lang="nb-NO" dirty="0"/>
            <a:t> </a:t>
          </a:r>
          <a:r>
            <a:rPr lang="nb-NO" dirty="0" err="1"/>
            <a:t>missing</a:t>
          </a:r>
          <a:endParaRPr lang="en-US" dirty="0"/>
        </a:p>
      </dgm:t>
    </dgm:pt>
    <dgm:pt modelId="{DBA967D6-C092-44DB-B213-CFEC372CB38B}" type="parTrans" cxnId="{829AD44C-1F23-4D80-9A08-13C2900E81F5}">
      <dgm:prSet/>
      <dgm:spPr/>
      <dgm:t>
        <a:bodyPr/>
        <a:lstStyle/>
        <a:p>
          <a:endParaRPr lang="en-US"/>
        </a:p>
      </dgm:t>
    </dgm:pt>
    <dgm:pt modelId="{AEFB6BCA-8365-4A6E-9E09-3FC8E51B8DF3}" type="sibTrans" cxnId="{829AD44C-1F23-4D80-9A08-13C2900E81F5}">
      <dgm:prSet/>
      <dgm:spPr/>
      <dgm:t>
        <a:bodyPr/>
        <a:lstStyle/>
        <a:p>
          <a:endParaRPr lang="en-US"/>
        </a:p>
      </dgm:t>
    </dgm:pt>
    <dgm:pt modelId="{663FBB57-6296-4B60-9635-9220024B9D99}">
      <dgm:prSet phldrT="[Text]"/>
      <dgm:spPr/>
      <dgm:t>
        <a:bodyPr/>
        <a:lstStyle/>
        <a:p>
          <a:r>
            <a:rPr lang="en-US" dirty="0"/>
            <a:t>Transparent Data Encryption on SQL databases disabled</a:t>
          </a:r>
        </a:p>
      </dgm:t>
    </dgm:pt>
    <dgm:pt modelId="{8C62F6CC-60CB-47D9-A217-58964204146A}" type="parTrans" cxnId="{3DE90D73-B285-4F05-81CC-D33EA3946524}">
      <dgm:prSet/>
      <dgm:spPr/>
      <dgm:t>
        <a:bodyPr/>
        <a:lstStyle/>
        <a:p>
          <a:endParaRPr lang="en-US"/>
        </a:p>
      </dgm:t>
    </dgm:pt>
    <dgm:pt modelId="{A71EB5B7-FC5F-4762-A7E7-25C95CFE3702}" type="sibTrans" cxnId="{3DE90D73-B285-4F05-81CC-D33EA3946524}">
      <dgm:prSet/>
      <dgm:spPr/>
      <dgm:t>
        <a:bodyPr/>
        <a:lstStyle/>
        <a:p>
          <a:endParaRPr lang="en-US"/>
        </a:p>
      </dgm:t>
    </dgm:pt>
    <dgm:pt modelId="{792EAF50-D4C9-4D61-89F3-2C9ACD3AEF4B}">
      <dgm:prSet phldrT="[Text]"/>
      <dgm:spPr/>
      <dgm:t>
        <a:bodyPr/>
        <a:lstStyle/>
        <a:p>
          <a:r>
            <a:rPr lang="en-US"/>
            <a:t>Endpoint protection should be installed on machines</a:t>
          </a:r>
          <a:endParaRPr lang="en-US" dirty="0"/>
        </a:p>
      </dgm:t>
    </dgm:pt>
    <dgm:pt modelId="{9C136DFE-B663-4935-BD06-727A9A696584}" type="parTrans" cxnId="{DDA28859-85AE-454E-BF09-D1997205A651}">
      <dgm:prSet/>
      <dgm:spPr/>
      <dgm:t>
        <a:bodyPr/>
        <a:lstStyle/>
        <a:p>
          <a:endParaRPr lang="en-US"/>
        </a:p>
      </dgm:t>
    </dgm:pt>
    <dgm:pt modelId="{7E00F2C9-1338-4E61-AB50-A1AE257DDE4B}" type="sibTrans" cxnId="{DDA28859-85AE-454E-BF09-D1997205A651}">
      <dgm:prSet/>
      <dgm:spPr/>
      <dgm:t>
        <a:bodyPr/>
        <a:lstStyle/>
        <a:p>
          <a:endParaRPr lang="en-US"/>
        </a:p>
      </dgm:t>
    </dgm:pt>
    <dgm:pt modelId="{746F2F52-110A-4E33-8FFE-2BD27A9DD5F1}">
      <dgm:prSet phldrT="[Text]"/>
      <dgm:spPr/>
      <dgm:t>
        <a:bodyPr/>
        <a:lstStyle/>
        <a:p>
          <a:r>
            <a:rPr lang="nb-NO" dirty="0" err="1"/>
            <a:t>Governance</a:t>
          </a:r>
          <a:endParaRPr lang="en-US" dirty="0"/>
        </a:p>
      </dgm:t>
    </dgm:pt>
    <dgm:pt modelId="{52B6FDFC-742D-4B83-9FB0-CDE327108D85}" type="parTrans" cxnId="{5571B9C2-4C28-4014-A139-07C76F6D6AFF}">
      <dgm:prSet/>
      <dgm:spPr/>
      <dgm:t>
        <a:bodyPr/>
        <a:lstStyle/>
        <a:p>
          <a:endParaRPr lang="en-US"/>
        </a:p>
      </dgm:t>
    </dgm:pt>
    <dgm:pt modelId="{3937A787-29F6-4E4A-BF7F-F33874A3DF85}" type="sibTrans" cxnId="{5571B9C2-4C28-4014-A139-07C76F6D6AFF}">
      <dgm:prSet/>
      <dgm:spPr/>
      <dgm:t>
        <a:bodyPr/>
        <a:lstStyle/>
        <a:p>
          <a:endParaRPr lang="en-US"/>
        </a:p>
      </dgm:t>
    </dgm:pt>
    <dgm:pt modelId="{B31BE156-B724-4089-B7BD-0CFE52F6EBE7}">
      <dgm:prSet phldrT="[Text]"/>
      <dgm:spPr/>
      <dgm:t>
        <a:bodyPr/>
        <a:lstStyle/>
        <a:p>
          <a:r>
            <a:rPr lang="nb-NO" dirty="0"/>
            <a:t>Resource </a:t>
          </a:r>
          <a:r>
            <a:rPr lang="nb-NO" dirty="0" err="1"/>
            <a:t>naming</a:t>
          </a:r>
          <a:r>
            <a:rPr lang="nb-NO" dirty="0"/>
            <a:t> standard </a:t>
          </a:r>
          <a:r>
            <a:rPr lang="nb-NO" dirty="0" err="1"/>
            <a:t>misssing</a:t>
          </a:r>
          <a:endParaRPr lang="en-US" dirty="0"/>
        </a:p>
      </dgm:t>
    </dgm:pt>
    <dgm:pt modelId="{35415376-4CB3-4233-8465-6112581331BD}" type="parTrans" cxnId="{D52B4461-A206-4EA6-A31E-01D170504223}">
      <dgm:prSet/>
      <dgm:spPr/>
      <dgm:t>
        <a:bodyPr/>
        <a:lstStyle/>
        <a:p>
          <a:endParaRPr lang="en-US"/>
        </a:p>
      </dgm:t>
    </dgm:pt>
    <dgm:pt modelId="{241678AE-FCDB-43E9-ADFB-ABF7B4B747C4}" type="sibTrans" cxnId="{D52B4461-A206-4EA6-A31E-01D170504223}">
      <dgm:prSet/>
      <dgm:spPr/>
      <dgm:t>
        <a:bodyPr/>
        <a:lstStyle/>
        <a:p>
          <a:endParaRPr lang="en-US"/>
        </a:p>
      </dgm:t>
    </dgm:pt>
    <dgm:pt modelId="{EF1E34FA-F37F-4A98-8D01-56AD5D1C0005}">
      <dgm:prSet phldrT="[Text]"/>
      <dgm:spPr/>
      <dgm:t>
        <a:bodyPr/>
        <a:lstStyle/>
        <a:p>
          <a:r>
            <a:rPr lang="nb-NO" dirty="0"/>
            <a:t>Resource tagging </a:t>
          </a:r>
          <a:r>
            <a:rPr lang="nb-NO" dirty="0" err="1"/>
            <a:t>missing</a:t>
          </a:r>
          <a:endParaRPr lang="en-US" dirty="0"/>
        </a:p>
      </dgm:t>
    </dgm:pt>
    <dgm:pt modelId="{46B177DA-DA05-4EB9-AAF4-EABB7D2871C4}" type="parTrans" cxnId="{04DA1433-376D-4A0C-9ADD-32ED389F0C72}">
      <dgm:prSet/>
      <dgm:spPr/>
      <dgm:t>
        <a:bodyPr/>
        <a:lstStyle/>
        <a:p>
          <a:endParaRPr lang="en-US"/>
        </a:p>
      </dgm:t>
    </dgm:pt>
    <dgm:pt modelId="{C4F7384E-BE99-4E7B-93A7-EA29F69EA6D3}" type="sibTrans" cxnId="{04DA1433-376D-4A0C-9ADD-32ED389F0C72}">
      <dgm:prSet/>
      <dgm:spPr/>
      <dgm:t>
        <a:bodyPr/>
        <a:lstStyle/>
        <a:p>
          <a:endParaRPr lang="en-US"/>
        </a:p>
      </dgm:t>
    </dgm:pt>
    <dgm:pt modelId="{7FBAAC13-40FC-4926-9FFA-718DCB2D505C}">
      <dgm:prSet phldrT="[Text]"/>
      <dgm:spPr/>
      <dgm:t>
        <a:bodyPr/>
        <a:lstStyle/>
        <a:p>
          <a:r>
            <a:rPr lang="nb-NO" dirty="0"/>
            <a:t>Resources </a:t>
          </a:r>
          <a:r>
            <a:rPr lang="nb-NO" dirty="0" err="1"/>
            <a:t>hosted</a:t>
          </a:r>
          <a:r>
            <a:rPr lang="nb-NO" dirty="0"/>
            <a:t> in </a:t>
          </a:r>
          <a:r>
            <a:rPr lang="nb-NO" dirty="0" err="1"/>
            <a:t>unapproved</a:t>
          </a:r>
          <a:r>
            <a:rPr lang="nb-NO" dirty="0"/>
            <a:t> locations</a:t>
          </a:r>
          <a:endParaRPr lang="en-US" dirty="0"/>
        </a:p>
      </dgm:t>
    </dgm:pt>
    <dgm:pt modelId="{037F0648-D1E0-4AC3-92EE-50830182A176}" type="parTrans" cxnId="{69019BF4-194F-49F1-931A-110CAFC38D6F}">
      <dgm:prSet/>
      <dgm:spPr/>
      <dgm:t>
        <a:bodyPr/>
        <a:lstStyle/>
        <a:p>
          <a:endParaRPr lang="en-US"/>
        </a:p>
      </dgm:t>
    </dgm:pt>
    <dgm:pt modelId="{62101C42-324F-4C38-8120-8B05A48096AF}" type="sibTrans" cxnId="{69019BF4-194F-49F1-931A-110CAFC38D6F}">
      <dgm:prSet/>
      <dgm:spPr/>
      <dgm:t>
        <a:bodyPr/>
        <a:lstStyle/>
        <a:p>
          <a:endParaRPr lang="en-US"/>
        </a:p>
      </dgm:t>
    </dgm:pt>
    <dgm:pt modelId="{17E384B3-84AA-41D4-960A-140CD61ECF0A}">
      <dgm:prSet phldrT="[Text]"/>
      <dgm:spPr/>
      <dgm:t>
        <a:bodyPr/>
        <a:lstStyle/>
        <a:p>
          <a:endParaRPr lang="en-US" dirty="0"/>
        </a:p>
      </dgm:t>
    </dgm:pt>
    <dgm:pt modelId="{745280D7-C2E0-4BCF-8A34-4C5B409A835F}" type="parTrans" cxnId="{837C2501-511D-4010-A16C-87993185103B}">
      <dgm:prSet/>
      <dgm:spPr/>
      <dgm:t>
        <a:bodyPr/>
        <a:lstStyle/>
        <a:p>
          <a:endParaRPr lang="en-US"/>
        </a:p>
      </dgm:t>
    </dgm:pt>
    <dgm:pt modelId="{BB94FA34-BA3C-4F47-BB82-C2DD8343D851}" type="sibTrans" cxnId="{837C2501-511D-4010-A16C-87993185103B}">
      <dgm:prSet/>
      <dgm:spPr/>
      <dgm:t>
        <a:bodyPr/>
        <a:lstStyle/>
        <a:p>
          <a:endParaRPr lang="en-US"/>
        </a:p>
      </dgm:t>
    </dgm:pt>
    <dgm:pt modelId="{8F8BBE98-A01E-4D17-9E6D-0C418EA5E9D4}" type="pres">
      <dgm:prSet presAssocID="{99E6AEFE-615F-4D7E-A235-489E6BCCE835}" presName="Name0" presStyleCnt="0">
        <dgm:presLayoutVars>
          <dgm:dir/>
          <dgm:animLvl val="lvl"/>
          <dgm:resizeHandles val="exact"/>
        </dgm:presLayoutVars>
      </dgm:prSet>
      <dgm:spPr/>
    </dgm:pt>
    <dgm:pt modelId="{759DDDBA-F853-4C6B-B5BE-D244B5D04A46}" type="pres">
      <dgm:prSet presAssocID="{FB9B1EBC-467B-42FA-9937-006EEE1B1836}" presName="composite" presStyleCnt="0"/>
      <dgm:spPr/>
    </dgm:pt>
    <dgm:pt modelId="{B7E7ED9A-76AB-41D9-9825-983E19F7A268}" type="pres">
      <dgm:prSet presAssocID="{FB9B1EBC-467B-42FA-9937-006EEE1B1836}" presName="parTx" presStyleLbl="alignNode1" presStyleIdx="0" presStyleCnt="5">
        <dgm:presLayoutVars>
          <dgm:chMax val="0"/>
          <dgm:chPref val="0"/>
          <dgm:bulletEnabled val="1"/>
        </dgm:presLayoutVars>
      </dgm:prSet>
      <dgm:spPr/>
    </dgm:pt>
    <dgm:pt modelId="{FCE7E9F2-25ED-4B60-A7AC-B59FF3A6702F}" type="pres">
      <dgm:prSet presAssocID="{FB9B1EBC-467B-42FA-9937-006EEE1B1836}" presName="desTx" presStyleLbl="alignAccFollowNode1" presStyleIdx="0" presStyleCnt="5">
        <dgm:presLayoutVars>
          <dgm:bulletEnabled val="1"/>
        </dgm:presLayoutVars>
      </dgm:prSet>
      <dgm:spPr/>
    </dgm:pt>
    <dgm:pt modelId="{D9C56502-653A-4994-918D-275A4B892EA2}" type="pres">
      <dgm:prSet presAssocID="{8FD00314-0D26-4195-8668-38DD1C8EE880}" presName="space" presStyleCnt="0"/>
      <dgm:spPr/>
    </dgm:pt>
    <dgm:pt modelId="{D8F4BB1E-797D-44D7-9777-869F20414C38}" type="pres">
      <dgm:prSet presAssocID="{C616E7E6-6DF2-4D52-B197-966C0689CA7E}" presName="composite" presStyleCnt="0"/>
      <dgm:spPr/>
    </dgm:pt>
    <dgm:pt modelId="{482C7138-EB7C-47F1-8D70-2DC64AFDBF35}" type="pres">
      <dgm:prSet presAssocID="{C616E7E6-6DF2-4D52-B197-966C0689CA7E}" presName="parTx" presStyleLbl="alignNode1" presStyleIdx="1" presStyleCnt="5">
        <dgm:presLayoutVars>
          <dgm:chMax val="0"/>
          <dgm:chPref val="0"/>
          <dgm:bulletEnabled val="1"/>
        </dgm:presLayoutVars>
      </dgm:prSet>
      <dgm:spPr/>
    </dgm:pt>
    <dgm:pt modelId="{CF3E8AB4-ED13-484E-A132-E4D6C31D170A}" type="pres">
      <dgm:prSet presAssocID="{C616E7E6-6DF2-4D52-B197-966C0689CA7E}" presName="desTx" presStyleLbl="alignAccFollowNode1" presStyleIdx="1" presStyleCnt="5">
        <dgm:presLayoutVars>
          <dgm:bulletEnabled val="1"/>
        </dgm:presLayoutVars>
      </dgm:prSet>
      <dgm:spPr/>
    </dgm:pt>
    <dgm:pt modelId="{F5E27B20-AF12-42E7-8961-314005940E5F}" type="pres">
      <dgm:prSet presAssocID="{14EDF621-32D8-4E70-95FB-3E52CAEE9B30}" presName="space" presStyleCnt="0"/>
      <dgm:spPr/>
    </dgm:pt>
    <dgm:pt modelId="{58252D80-BE91-48F9-96B4-690A5349B31C}" type="pres">
      <dgm:prSet presAssocID="{9F0FF55B-12A7-4AD4-82DC-EE7642C95CF5}" presName="composite" presStyleCnt="0"/>
      <dgm:spPr/>
    </dgm:pt>
    <dgm:pt modelId="{7D196932-053B-4656-B6FB-81DE0BCDF0E2}" type="pres">
      <dgm:prSet presAssocID="{9F0FF55B-12A7-4AD4-82DC-EE7642C95CF5}" presName="parTx" presStyleLbl="alignNode1" presStyleIdx="2" presStyleCnt="5">
        <dgm:presLayoutVars>
          <dgm:chMax val="0"/>
          <dgm:chPref val="0"/>
          <dgm:bulletEnabled val="1"/>
        </dgm:presLayoutVars>
      </dgm:prSet>
      <dgm:spPr/>
    </dgm:pt>
    <dgm:pt modelId="{FC641919-A8BD-4037-80F0-99CA70048ED2}" type="pres">
      <dgm:prSet presAssocID="{9F0FF55B-12A7-4AD4-82DC-EE7642C95CF5}" presName="desTx" presStyleLbl="alignAccFollowNode1" presStyleIdx="2" presStyleCnt="5">
        <dgm:presLayoutVars>
          <dgm:bulletEnabled val="1"/>
        </dgm:presLayoutVars>
      </dgm:prSet>
      <dgm:spPr/>
    </dgm:pt>
    <dgm:pt modelId="{DD50E4CB-1A8E-425E-B514-B7C3DEEC49E5}" type="pres">
      <dgm:prSet presAssocID="{5EE156B8-ADB9-4CB0-A716-3BC4D93156A5}" presName="space" presStyleCnt="0"/>
      <dgm:spPr/>
    </dgm:pt>
    <dgm:pt modelId="{4716141C-4A16-4EDA-88DF-A3FC99B20540}" type="pres">
      <dgm:prSet presAssocID="{470B4897-E84E-4FE4-8251-D7F977390E5B}" presName="composite" presStyleCnt="0"/>
      <dgm:spPr/>
    </dgm:pt>
    <dgm:pt modelId="{A9F283F8-51B6-463B-A028-104C63EC3AD5}" type="pres">
      <dgm:prSet presAssocID="{470B4897-E84E-4FE4-8251-D7F977390E5B}" presName="parTx" presStyleLbl="alignNode1" presStyleIdx="3" presStyleCnt="5">
        <dgm:presLayoutVars>
          <dgm:chMax val="0"/>
          <dgm:chPref val="0"/>
          <dgm:bulletEnabled val="1"/>
        </dgm:presLayoutVars>
      </dgm:prSet>
      <dgm:spPr/>
    </dgm:pt>
    <dgm:pt modelId="{068DF82D-CBB1-47A3-AAFF-D91934A62780}" type="pres">
      <dgm:prSet presAssocID="{470B4897-E84E-4FE4-8251-D7F977390E5B}" presName="desTx" presStyleLbl="alignAccFollowNode1" presStyleIdx="3" presStyleCnt="5">
        <dgm:presLayoutVars>
          <dgm:bulletEnabled val="1"/>
        </dgm:presLayoutVars>
      </dgm:prSet>
      <dgm:spPr/>
    </dgm:pt>
    <dgm:pt modelId="{CAF52740-98CA-4F7F-8705-3B363BF6B8A4}" type="pres">
      <dgm:prSet presAssocID="{2DDC3AB2-4CD6-43CF-B67E-107DFCF46BFB}" presName="space" presStyleCnt="0"/>
      <dgm:spPr/>
    </dgm:pt>
    <dgm:pt modelId="{00090B46-7DF0-43D3-8ECF-BDFF2DAF88A7}" type="pres">
      <dgm:prSet presAssocID="{746F2F52-110A-4E33-8FFE-2BD27A9DD5F1}" presName="composite" presStyleCnt="0"/>
      <dgm:spPr/>
    </dgm:pt>
    <dgm:pt modelId="{53C8EB51-5429-424D-A9A4-355FD35E3043}" type="pres">
      <dgm:prSet presAssocID="{746F2F52-110A-4E33-8FFE-2BD27A9DD5F1}" presName="parTx" presStyleLbl="alignNode1" presStyleIdx="4" presStyleCnt="5">
        <dgm:presLayoutVars>
          <dgm:chMax val="0"/>
          <dgm:chPref val="0"/>
          <dgm:bulletEnabled val="1"/>
        </dgm:presLayoutVars>
      </dgm:prSet>
      <dgm:spPr/>
    </dgm:pt>
    <dgm:pt modelId="{52D8AE16-2AA6-40C4-8210-DB451181B0FA}" type="pres">
      <dgm:prSet presAssocID="{746F2F52-110A-4E33-8FFE-2BD27A9DD5F1}" presName="desTx" presStyleLbl="alignAccFollowNode1" presStyleIdx="4" presStyleCnt="5">
        <dgm:presLayoutVars>
          <dgm:bulletEnabled val="1"/>
        </dgm:presLayoutVars>
      </dgm:prSet>
      <dgm:spPr/>
    </dgm:pt>
  </dgm:ptLst>
  <dgm:cxnLst>
    <dgm:cxn modelId="{837C2501-511D-4010-A16C-87993185103B}" srcId="{746F2F52-110A-4E33-8FFE-2BD27A9DD5F1}" destId="{17E384B3-84AA-41D4-960A-140CD61ECF0A}" srcOrd="3" destOrd="0" parTransId="{745280D7-C2E0-4BCF-8A34-4C5B409A835F}" sibTransId="{BB94FA34-BA3C-4F47-BB82-C2DD8343D851}"/>
    <dgm:cxn modelId="{B48EDC02-A257-463A-BED3-E00C6A559112}" type="presOf" srcId="{E6664FB2-5B36-4FCD-9E88-977A2F888410}" destId="{068DF82D-CBB1-47A3-AAFF-D91934A62780}" srcOrd="0" destOrd="0" presId="urn:microsoft.com/office/officeart/2005/8/layout/hList1"/>
    <dgm:cxn modelId="{6234B106-EBF8-46E6-886E-FF7BE0728629}" srcId="{C616E7E6-6DF2-4D52-B197-966C0689CA7E}" destId="{5C40145F-E95F-4D8D-93BC-DA7748E910CA}" srcOrd="2" destOrd="0" parTransId="{5F77B1D1-99DA-4F8E-AB3F-8E2C9479956E}" sibTransId="{0B29B0CB-553A-46FA-A7C0-CB520391D67A}"/>
    <dgm:cxn modelId="{5C2ECB0A-0895-4A02-8A78-6B9CD0B5EBDF}" type="presOf" srcId="{130CCDFB-6725-4665-9935-91BB4F11E6BC}" destId="{FC641919-A8BD-4037-80F0-99CA70048ED2}" srcOrd="0" destOrd="3" presId="urn:microsoft.com/office/officeart/2005/8/layout/hList1"/>
    <dgm:cxn modelId="{B9E6DC0D-8189-4399-9109-920CE123053F}" srcId="{C616E7E6-6DF2-4D52-B197-966C0689CA7E}" destId="{319455E4-CD58-4321-A34C-5C0DAB2610DB}" srcOrd="1" destOrd="0" parTransId="{4DD698B0-BF76-453A-BAF2-B05C88E69B01}" sibTransId="{E1E40069-52B7-409D-901B-58C29511222E}"/>
    <dgm:cxn modelId="{EFDF6C0E-DEE7-4716-ADBB-8351FBA0CDF0}" type="presOf" srcId="{FB9B1EBC-467B-42FA-9937-006EEE1B1836}" destId="{B7E7ED9A-76AB-41D9-9825-983E19F7A268}" srcOrd="0" destOrd="0" presId="urn:microsoft.com/office/officeart/2005/8/layout/hList1"/>
    <dgm:cxn modelId="{B17BB910-6FCF-4769-9823-1B7BB162D906}" srcId="{FB9B1EBC-467B-42FA-9937-006EEE1B1836}" destId="{0B2F66FF-3869-48C5-9284-465B9091CA59}" srcOrd="3" destOrd="0" parTransId="{DDF1A8FF-7E65-4890-A9BF-AC03822C4391}" sibTransId="{8B8307F6-E29D-47E3-91AC-B1868DE133CD}"/>
    <dgm:cxn modelId="{0879BD17-278C-46B1-9729-59C4AEC7A3E1}" srcId="{9F0FF55B-12A7-4AD4-82DC-EE7642C95CF5}" destId="{130CCDFB-6725-4665-9935-91BB4F11E6BC}" srcOrd="3" destOrd="0" parTransId="{1FC5438A-1C72-4EF9-94DC-0FF458F8B32D}" sibTransId="{8CD120BA-8222-49AA-905B-A4E5EE999ECF}"/>
    <dgm:cxn modelId="{59F07C1C-0349-4D94-A843-DFB177E61C99}" srcId="{FB9B1EBC-467B-42FA-9937-006EEE1B1836}" destId="{6BB69776-CE2E-4CD7-9B7C-BDEFB86D2B49}" srcOrd="1" destOrd="0" parTransId="{E6DB0D3E-E650-4E5D-9221-DA8EE24E828B}" sibTransId="{B5676645-A902-4549-8A9A-5C4F06533F40}"/>
    <dgm:cxn modelId="{DA2C2521-97CB-4A35-9D18-5D8B3BBEFB87}" srcId="{99E6AEFE-615F-4D7E-A235-489E6BCCE835}" destId="{9F0FF55B-12A7-4AD4-82DC-EE7642C95CF5}" srcOrd="2" destOrd="0" parTransId="{80D2844E-9948-48C1-A6D4-3B6E74F0C112}" sibTransId="{5EE156B8-ADB9-4CB0-A716-3BC4D93156A5}"/>
    <dgm:cxn modelId="{0D6D9E28-14E4-45B6-BCA2-FE32CBF9AD13}" srcId="{9F0FF55B-12A7-4AD4-82DC-EE7642C95CF5}" destId="{94DB8D46-6AF3-48CC-BC14-E3170A06550B}" srcOrd="2" destOrd="0" parTransId="{11E9A4D6-D26E-4356-9290-023CC63A7F4E}" sibTransId="{4719DFE5-85D4-4797-8E0F-10A34333E62C}"/>
    <dgm:cxn modelId="{04DA1433-376D-4A0C-9ADD-32ED389F0C72}" srcId="{746F2F52-110A-4E33-8FFE-2BD27A9DD5F1}" destId="{EF1E34FA-F37F-4A98-8D01-56AD5D1C0005}" srcOrd="1" destOrd="0" parTransId="{46B177DA-DA05-4EB9-AAF4-EABB7D2871C4}" sibTransId="{C4F7384E-BE99-4E7B-93A7-EA29F69EA6D3}"/>
    <dgm:cxn modelId="{6DBD5B38-3292-4E3C-9E19-131ECA193EC1}" type="presOf" srcId="{470B4897-E84E-4FE4-8251-D7F977390E5B}" destId="{A9F283F8-51B6-463B-A028-104C63EC3AD5}" srcOrd="0" destOrd="0" presId="urn:microsoft.com/office/officeart/2005/8/layout/hList1"/>
    <dgm:cxn modelId="{78BBC55B-BCE5-4869-81EE-8A9FDA8ED631}" srcId="{9F0FF55B-12A7-4AD4-82DC-EE7642C95CF5}" destId="{BFEE9F38-0BAB-4F22-A385-17C80E5C99FA}" srcOrd="1" destOrd="0" parTransId="{A69E4E5E-BD56-4A27-90DD-545E2661AE95}" sibTransId="{A08EC881-4FCE-455F-AD38-D3585864B26E}"/>
    <dgm:cxn modelId="{B0E71B61-C1FD-44D5-8BEB-772E66515BD5}" srcId="{FB9B1EBC-467B-42FA-9937-006EEE1B1836}" destId="{C9560400-98DA-4DB6-842A-1ECDEFCF46A6}" srcOrd="0" destOrd="0" parTransId="{DFD79044-81E7-4593-BE79-B993C1B9E7A5}" sibTransId="{F956D007-BFDC-4317-AAF4-8C5E66D319F2}"/>
    <dgm:cxn modelId="{D52B4461-A206-4EA6-A31E-01D170504223}" srcId="{746F2F52-110A-4E33-8FFE-2BD27A9DD5F1}" destId="{B31BE156-B724-4089-B7BD-0CFE52F6EBE7}" srcOrd="0" destOrd="0" parTransId="{35415376-4CB3-4233-8465-6112581331BD}" sibTransId="{241678AE-FCDB-43E9-ADFB-ABF7B4B747C4}"/>
    <dgm:cxn modelId="{D1649241-5EAE-4178-AAA4-7E8B3C971116}" type="presOf" srcId="{99E6AEFE-615F-4D7E-A235-489E6BCCE835}" destId="{8F8BBE98-A01E-4D17-9E6D-0C418EA5E9D4}" srcOrd="0" destOrd="0" presId="urn:microsoft.com/office/officeart/2005/8/layout/hList1"/>
    <dgm:cxn modelId="{5EC39C41-AACA-4178-BCCD-0B64537EB285}" type="presOf" srcId="{17E384B3-84AA-41D4-960A-140CD61ECF0A}" destId="{52D8AE16-2AA6-40C4-8210-DB451181B0FA}" srcOrd="0" destOrd="3" presId="urn:microsoft.com/office/officeart/2005/8/layout/hList1"/>
    <dgm:cxn modelId="{04AB4D45-05D0-4EB6-A79A-0339E9DABA3D}" type="presOf" srcId="{9F0FF55B-12A7-4AD4-82DC-EE7642C95CF5}" destId="{7D196932-053B-4656-B6FB-81DE0BCDF0E2}" srcOrd="0" destOrd="0" presId="urn:microsoft.com/office/officeart/2005/8/layout/hList1"/>
    <dgm:cxn modelId="{6245B64B-D4CB-41CD-BC3C-490212330D26}" type="presOf" srcId="{0B2F66FF-3869-48C5-9284-465B9091CA59}" destId="{FCE7E9F2-25ED-4B60-A7AC-B59FF3A6702F}" srcOrd="0" destOrd="3" presId="urn:microsoft.com/office/officeart/2005/8/layout/hList1"/>
    <dgm:cxn modelId="{829AD44C-1F23-4D80-9A08-13C2900E81F5}" srcId="{9F0FF55B-12A7-4AD4-82DC-EE7642C95CF5}" destId="{D7B40FF6-3F9D-4EFC-B664-8B28FFE22F2D}" srcOrd="4" destOrd="0" parTransId="{DBA967D6-C092-44DB-B213-CFEC372CB38B}" sibTransId="{AEFB6BCA-8365-4A6E-9E09-3FC8E51B8DF3}"/>
    <dgm:cxn modelId="{DC0AAF6E-FD79-4CA4-8399-7E37915801EB}" srcId="{470B4897-E84E-4FE4-8251-D7F977390E5B}" destId="{0513E138-9AA2-4C39-AF25-F17F1BB37C42}" srcOrd="2" destOrd="0" parTransId="{056AA0D2-BD90-438F-9309-745EEDF514CB}" sibTransId="{E25799DD-269F-4806-8150-9A302C56EDE7}"/>
    <dgm:cxn modelId="{7BB32671-9441-48CC-95B4-6AC305A927D7}" type="presOf" srcId="{6BB69776-CE2E-4CD7-9B7C-BDEFB86D2B49}" destId="{FCE7E9F2-25ED-4B60-A7AC-B59FF3A6702F}" srcOrd="0" destOrd="1" presId="urn:microsoft.com/office/officeart/2005/8/layout/hList1"/>
    <dgm:cxn modelId="{3DE90D73-B285-4F05-81CC-D33EA3946524}" srcId="{9F0FF55B-12A7-4AD4-82DC-EE7642C95CF5}" destId="{663FBB57-6296-4B60-9635-9220024B9D99}" srcOrd="5" destOrd="0" parTransId="{8C62F6CC-60CB-47D9-A217-58964204146A}" sibTransId="{A71EB5B7-FC5F-4762-A7E7-25C95CFE3702}"/>
    <dgm:cxn modelId="{883E4A73-ECC4-40F5-8448-1FEAF3029169}" srcId="{99E6AEFE-615F-4D7E-A235-489E6BCCE835}" destId="{FB9B1EBC-467B-42FA-9937-006EEE1B1836}" srcOrd="0" destOrd="0" parTransId="{EECE6132-7E6B-47EB-95C4-E2EC3090C295}" sibTransId="{8FD00314-0D26-4195-8668-38DD1C8EE880}"/>
    <dgm:cxn modelId="{71CC7873-C19E-4868-B40D-C1DCB43700E9}" srcId="{99E6AEFE-615F-4D7E-A235-489E6BCCE835}" destId="{C616E7E6-6DF2-4D52-B197-966C0689CA7E}" srcOrd="1" destOrd="0" parTransId="{3FD52FD6-12B4-4491-87DD-B27F961059D6}" sibTransId="{14EDF621-32D8-4E70-95FB-3E52CAEE9B30}"/>
    <dgm:cxn modelId="{B34C2774-3F96-44CD-B621-60DF379A826F}" type="presOf" srcId="{48840668-852F-4144-A8A1-3EE4A1E954FC}" destId="{FCE7E9F2-25ED-4B60-A7AC-B59FF3A6702F}" srcOrd="0" destOrd="2" presId="urn:microsoft.com/office/officeart/2005/8/layout/hList1"/>
    <dgm:cxn modelId="{11A83677-1C61-4458-8238-276B49FA797B}" type="presOf" srcId="{319455E4-CD58-4321-A34C-5C0DAB2610DB}" destId="{CF3E8AB4-ED13-484E-A132-E4D6C31D170A}" srcOrd="0" destOrd="1" presId="urn:microsoft.com/office/officeart/2005/8/layout/hList1"/>
    <dgm:cxn modelId="{D55D7C58-11CD-4312-BE8F-9100C425D6B3}" type="presOf" srcId="{792EAF50-D4C9-4D61-89F3-2C9ACD3AEF4B}" destId="{068DF82D-CBB1-47A3-AAFF-D91934A62780}" srcOrd="0" destOrd="1" presId="urn:microsoft.com/office/officeart/2005/8/layout/hList1"/>
    <dgm:cxn modelId="{DDA28859-85AE-454E-BF09-D1997205A651}" srcId="{470B4897-E84E-4FE4-8251-D7F977390E5B}" destId="{792EAF50-D4C9-4D61-89F3-2C9ACD3AEF4B}" srcOrd="1" destOrd="0" parTransId="{9C136DFE-B663-4935-BD06-727A9A696584}" sibTransId="{7E00F2C9-1338-4E61-AB50-A1AE257DDE4B}"/>
    <dgm:cxn modelId="{97EC267B-5F51-4918-9552-4BBBDBC4056E}" type="presOf" srcId="{7FBAAC13-40FC-4926-9FFA-718DCB2D505C}" destId="{52D8AE16-2AA6-40C4-8210-DB451181B0FA}" srcOrd="0" destOrd="2" presId="urn:microsoft.com/office/officeart/2005/8/layout/hList1"/>
    <dgm:cxn modelId="{6C9BCF7B-4196-415D-9DED-BE0ADFC874DD}" srcId="{470B4897-E84E-4FE4-8251-D7F977390E5B}" destId="{E6664FB2-5B36-4FCD-9E88-977A2F888410}" srcOrd="0" destOrd="0" parTransId="{C839E42F-D1B4-4861-9D6A-A6284BF6E6FF}" sibTransId="{C79E8BE6-A1F3-463F-8F0F-290E5479CD95}"/>
    <dgm:cxn modelId="{AC074B7D-439E-47D6-891F-DDF18B2BB975}" type="presOf" srcId="{8340F8D2-14C0-44CB-BAD8-7759647F3110}" destId="{CF3E8AB4-ED13-484E-A132-E4D6C31D170A}" srcOrd="0" destOrd="0" presId="urn:microsoft.com/office/officeart/2005/8/layout/hList1"/>
    <dgm:cxn modelId="{0BAE4083-AC4C-4216-948E-3870B31BA1EE}" type="presOf" srcId="{0513E138-9AA2-4C39-AF25-F17F1BB37C42}" destId="{068DF82D-CBB1-47A3-AAFF-D91934A62780}" srcOrd="0" destOrd="2" presId="urn:microsoft.com/office/officeart/2005/8/layout/hList1"/>
    <dgm:cxn modelId="{A5941F87-EA74-49B4-A85E-EC85067D2956}" type="presOf" srcId="{EF1E34FA-F37F-4A98-8D01-56AD5D1C0005}" destId="{52D8AE16-2AA6-40C4-8210-DB451181B0FA}" srcOrd="0" destOrd="1" presId="urn:microsoft.com/office/officeart/2005/8/layout/hList1"/>
    <dgm:cxn modelId="{DDD5748E-4C82-4096-8C6B-CBFF0B511129}" srcId="{99E6AEFE-615F-4D7E-A235-489E6BCCE835}" destId="{470B4897-E84E-4FE4-8251-D7F977390E5B}" srcOrd="3" destOrd="0" parTransId="{84530537-A812-4CA4-B1B8-6F74E30A383F}" sibTransId="{2DDC3AB2-4CD6-43CF-B67E-107DFCF46BFB}"/>
    <dgm:cxn modelId="{0050FE8E-7E56-49AA-A19D-90C7083AD6F8}" type="presOf" srcId="{C9560400-98DA-4DB6-842A-1ECDEFCF46A6}" destId="{FCE7E9F2-25ED-4B60-A7AC-B59FF3A6702F}" srcOrd="0" destOrd="0" presId="urn:microsoft.com/office/officeart/2005/8/layout/hList1"/>
    <dgm:cxn modelId="{02AAE296-8D7A-4974-A2F2-EDE594C64D40}" type="presOf" srcId="{1EDF2847-97DE-4D6A-9732-5A8544DE31F0}" destId="{CF3E8AB4-ED13-484E-A132-E4D6C31D170A}" srcOrd="0" destOrd="4" presId="urn:microsoft.com/office/officeart/2005/8/layout/hList1"/>
    <dgm:cxn modelId="{8A10579A-52F8-4454-B71A-087A5FFFC344}" srcId="{C616E7E6-6DF2-4D52-B197-966C0689CA7E}" destId="{B096DA2A-2789-46AE-AF7A-2C0FC0D2E4DF}" srcOrd="3" destOrd="0" parTransId="{589C6BE7-6F77-4754-96BA-86CCE91DBDC4}" sibTransId="{D1E63C54-7F1E-40BC-A3B6-818FB5900738}"/>
    <dgm:cxn modelId="{0CD7939C-3346-403A-B609-7D9367749997}" type="presOf" srcId="{94DB8D46-6AF3-48CC-BC14-E3170A06550B}" destId="{FC641919-A8BD-4037-80F0-99CA70048ED2}" srcOrd="0" destOrd="2" presId="urn:microsoft.com/office/officeart/2005/8/layout/hList1"/>
    <dgm:cxn modelId="{0D8E5BA2-ADD7-4A1D-8F2E-F54886078B39}" type="presOf" srcId="{B31BE156-B724-4089-B7BD-0CFE52F6EBE7}" destId="{52D8AE16-2AA6-40C4-8210-DB451181B0FA}" srcOrd="0" destOrd="0" presId="urn:microsoft.com/office/officeart/2005/8/layout/hList1"/>
    <dgm:cxn modelId="{10D54BA7-EF43-4E52-BB70-74D90DDBFD2B}" type="presOf" srcId="{663FBB57-6296-4B60-9635-9220024B9D99}" destId="{FC641919-A8BD-4037-80F0-99CA70048ED2}" srcOrd="0" destOrd="5" presId="urn:microsoft.com/office/officeart/2005/8/layout/hList1"/>
    <dgm:cxn modelId="{5682C8C0-2879-4068-B900-1ACF80A8D482}" type="presOf" srcId="{5C40145F-E95F-4D8D-93BC-DA7748E910CA}" destId="{CF3E8AB4-ED13-484E-A132-E4D6C31D170A}" srcOrd="0" destOrd="2" presId="urn:microsoft.com/office/officeart/2005/8/layout/hList1"/>
    <dgm:cxn modelId="{3A5552C2-FECD-466B-A1E7-257F4EA26F92}" type="presOf" srcId="{B096DA2A-2789-46AE-AF7A-2C0FC0D2E4DF}" destId="{CF3E8AB4-ED13-484E-A132-E4D6C31D170A}" srcOrd="0" destOrd="3" presId="urn:microsoft.com/office/officeart/2005/8/layout/hList1"/>
    <dgm:cxn modelId="{5571B9C2-4C28-4014-A139-07C76F6D6AFF}" srcId="{99E6AEFE-615F-4D7E-A235-489E6BCCE835}" destId="{746F2F52-110A-4E33-8FFE-2BD27A9DD5F1}" srcOrd="4" destOrd="0" parTransId="{52B6FDFC-742D-4B83-9FB0-CDE327108D85}" sibTransId="{3937A787-29F6-4E4A-BF7F-F33874A3DF85}"/>
    <dgm:cxn modelId="{387089C8-F9DA-4207-BE58-DD02F2673B80}" srcId="{C616E7E6-6DF2-4D52-B197-966C0689CA7E}" destId="{8340F8D2-14C0-44CB-BAD8-7759647F3110}" srcOrd="0" destOrd="0" parTransId="{D228CB98-49BE-43E1-81F2-6AF89046381F}" sibTransId="{B4653089-D7EF-4B3A-BBA5-A9B72E264F97}"/>
    <dgm:cxn modelId="{5A1177DC-7CAD-4E58-BEAA-F8298F7D8914}" type="presOf" srcId="{746F2F52-110A-4E33-8FFE-2BD27A9DD5F1}" destId="{53C8EB51-5429-424D-A9A4-355FD35E3043}" srcOrd="0" destOrd="0" presId="urn:microsoft.com/office/officeart/2005/8/layout/hList1"/>
    <dgm:cxn modelId="{73896CE7-CF47-4C93-97D9-9ED94FB5B9F0}" type="presOf" srcId="{BFEE9F38-0BAB-4F22-A385-17C80E5C99FA}" destId="{FC641919-A8BD-4037-80F0-99CA70048ED2}" srcOrd="0" destOrd="1" presId="urn:microsoft.com/office/officeart/2005/8/layout/hList1"/>
    <dgm:cxn modelId="{40494EEB-D3AB-43B8-9305-5D3EB0144FFB}" type="presOf" srcId="{9D0CA299-F3B9-468A-B779-B9F6ED2D847D}" destId="{FC641919-A8BD-4037-80F0-99CA70048ED2}" srcOrd="0" destOrd="0" presId="urn:microsoft.com/office/officeart/2005/8/layout/hList1"/>
    <dgm:cxn modelId="{BEB1B5ED-E648-401D-86AC-0C4DA6C9B42D}" type="presOf" srcId="{D7B40FF6-3F9D-4EFC-B664-8B28FFE22F2D}" destId="{FC641919-A8BD-4037-80F0-99CA70048ED2}" srcOrd="0" destOrd="4" presId="urn:microsoft.com/office/officeart/2005/8/layout/hList1"/>
    <dgm:cxn modelId="{69019BF4-194F-49F1-931A-110CAFC38D6F}" srcId="{746F2F52-110A-4E33-8FFE-2BD27A9DD5F1}" destId="{7FBAAC13-40FC-4926-9FFA-718DCB2D505C}" srcOrd="2" destOrd="0" parTransId="{037F0648-D1E0-4AC3-92EE-50830182A176}" sibTransId="{62101C42-324F-4C38-8120-8B05A48096AF}"/>
    <dgm:cxn modelId="{26EC75F5-125E-4666-B6C6-DCDCD1E2E28C}" type="presOf" srcId="{C616E7E6-6DF2-4D52-B197-966C0689CA7E}" destId="{482C7138-EB7C-47F1-8D70-2DC64AFDBF35}" srcOrd="0" destOrd="0" presId="urn:microsoft.com/office/officeart/2005/8/layout/hList1"/>
    <dgm:cxn modelId="{73FF8FF5-535B-4CD7-88E6-9A01AAB56318}" srcId="{9F0FF55B-12A7-4AD4-82DC-EE7642C95CF5}" destId="{9D0CA299-F3B9-468A-B779-B9F6ED2D847D}" srcOrd="0" destOrd="0" parTransId="{EC8195DB-1B64-495B-9063-E1C38A9DE63D}" sibTransId="{123751F0-4573-4551-B3D5-E0EA2067FA3B}"/>
    <dgm:cxn modelId="{984FC0F8-9004-4418-BFB5-BD6BADF00211}" srcId="{FB9B1EBC-467B-42FA-9937-006EEE1B1836}" destId="{48840668-852F-4144-A8A1-3EE4A1E954FC}" srcOrd="2" destOrd="0" parTransId="{7269C75B-6978-40E1-A489-DF5407995F21}" sibTransId="{BD16BD57-BA2F-40DF-979F-19354A36A9D2}"/>
    <dgm:cxn modelId="{7238D6FB-0290-48C8-9ADC-BC5A08DC64D1}" srcId="{C616E7E6-6DF2-4D52-B197-966C0689CA7E}" destId="{1EDF2847-97DE-4D6A-9732-5A8544DE31F0}" srcOrd="4" destOrd="0" parTransId="{14202BA1-5A75-4439-B509-9D9AC18CEFCD}" sibTransId="{1EA0B951-16A2-4F1F-811B-78CD530BCA12}"/>
    <dgm:cxn modelId="{3E9B9AAB-44E1-4EEB-A582-35D3CAB2C0C3}" type="presParOf" srcId="{8F8BBE98-A01E-4D17-9E6D-0C418EA5E9D4}" destId="{759DDDBA-F853-4C6B-B5BE-D244B5D04A46}" srcOrd="0" destOrd="0" presId="urn:microsoft.com/office/officeart/2005/8/layout/hList1"/>
    <dgm:cxn modelId="{64036929-6F48-496B-92A7-56EC8FA4506D}" type="presParOf" srcId="{759DDDBA-F853-4C6B-B5BE-D244B5D04A46}" destId="{B7E7ED9A-76AB-41D9-9825-983E19F7A268}" srcOrd="0" destOrd="0" presId="urn:microsoft.com/office/officeart/2005/8/layout/hList1"/>
    <dgm:cxn modelId="{C453E18F-DF65-43A5-93C4-FBC7D43DE379}" type="presParOf" srcId="{759DDDBA-F853-4C6B-B5BE-D244B5D04A46}" destId="{FCE7E9F2-25ED-4B60-A7AC-B59FF3A6702F}" srcOrd="1" destOrd="0" presId="urn:microsoft.com/office/officeart/2005/8/layout/hList1"/>
    <dgm:cxn modelId="{68A92D4A-9264-43B9-98AA-DF55AE62D566}" type="presParOf" srcId="{8F8BBE98-A01E-4D17-9E6D-0C418EA5E9D4}" destId="{D9C56502-653A-4994-918D-275A4B892EA2}" srcOrd="1" destOrd="0" presId="urn:microsoft.com/office/officeart/2005/8/layout/hList1"/>
    <dgm:cxn modelId="{BCFA2C77-9CC8-4464-972C-3779E69951FF}" type="presParOf" srcId="{8F8BBE98-A01E-4D17-9E6D-0C418EA5E9D4}" destId="{D8F4BB1E-797D-44D7-9777-869F20414C38}" srcOrd="2" destOrd="0" presId="urn:microsoft.com/office/officeart/2005/8/layout/hList1"/>
    <dgm:cxn modelId="{8A667090-00DC-444C-9074-DF8D88673C07}" type="presParOf" srcId="{D8F4BB1E-797D-44D7-9777-869F20414C38}" destId="{482C7138-EB7C-47F1-8D70-2DC64AFDBF35}" srcOrd="0" destOrd="0" presId="urn:microsoft.com/office/officeart/2005/8/layout/hList1"/>
    <dgm:cxn modelId="{1024B12B-D0B4-432F-BCEB-C3727B7BF16A}" type="presParOf" srcId="{D8F4BB1E-797D-44D7-9777-869F20414C38}" destId="{CF3E8AB4-ED13-484E-A132-E4D6C31D170A}" srcOrd="1" destOrd="0" presId="urn:microsoft.com/office/officeart/2005/8/layout/hList1"/>
    <dgm:cxn modelId="{55FD1B73-D8AA-4011-B8A9-5724619B9060}" type="presParOf" srcId="{8F8BBE98-A01E-4D17-9E6D-0C418EA5E9D4}" destId="{F5E27B20-AF12-42E7-8961-314005940E5F}" srcOrd="3" destOrd="0" presId="urn:microsoft.com/office/officeart/2005/8/layout/hList1"/>
    <dgm:cxn modelId="{25F1FA59-9610-4AB5-91E0-D3ED205BC415}" type="presParOf" srcId="{8F8BBE98-A01E-4D17-9E6D-0C418EA5E9D4}" destId="{58252D80-BE91-48F9-96B4-690A5349B31C}" srcOrd="4" destOrd="0" presId="urn:microsoft.com/office/officeart/2005/8/layout/hList1"/>
    <dgm:cxn modelId="{A73E3908-36A0-494B-9A61-F1DEDD7CEDB4}" type="presParOf" srcId="{58252D80-BE91-48F9-96B4-690A5349B31C}" destId="{7D196932-053B-4656-B6FB-81DE0BCDF0E2}" srcOrd="0" destOrd="0" presId="urn:microsoft.com/office/officeart/2005/8/layout/hList1"/>
    <dgm:cxn modelId="{F8D06AC6-2FD9-4A20-B1AF-878CB875E16C}" type="presParOf" srcId="{58252D80-BE91-48F9-96B4-690A5349B31C}" destId="{FC641919-A8BD-4037-80F0-99CA70048ED2}" srcOrd="1" destOrd="0" presId="urn:microsoft.com/office/officeart/2005/8/layout/hList1"/>
    <dgm:cxn modelId="{73CD8E1D-B7ED-43F3-888F-E9A62E780B7F}" type="presParOf" srcId="{8F8BBE98-A01E-4D17-9E6D-0C418EA5E9D4}" destId="{DD50E4CB-1A8E-425E-B514-B7C3DEEC49E5}" srcOrd="5" destOrd="0" presId="urn:microsoft.com/office/officeart/2005/8/layout/hList1"/>
    <dgm:cxn modelId="{A16F8F22-05CF-4336-8938-68F58B87A091}" type="presParOf" srcId="{8F8BBE98-A01E-4D17-9E6D-0C418EA5E9D4}" destId="{4716141C-4A16-4EDA-88DF-A3FC99B20540}" srcOrd="6" destOrd="0" presId="urn:microsoft.com/office/officeart/2005/8/layout/hList1"/>
    <dgm:cxn modelId="{68C38606-50E1-49BB-85AA-EAA269708251}" type="presParOf" srcId="{4716141C-4A16-4EDA-88DF-A3FC99B20540}" destId="{A9F283F8-51B6-463B-A028-104C63EC3AD5}" srcOrd="0" destOrd="0" presId="urn:microsoft.com/office/officeart/2005/8/layout/hList1"/>
    <dgm:cxn modelId="{B9028021-B27B-4EE7-BE92-2A77A1AF1381}" type="presParOf" srcId="{4716141C-4A16-4EDA-88DF-A3FC99B20540}" destId="{068DF82D-CBB1-47A3-AAFF-D91934A62780}" srcOrd="1" destOrd="0" presId="urn:microsoft.com/office/officeart/2005/8/layout/hList1"/>
    <dgm:cxn modelId="{E277539B-E2BA-4BA1-B319-D55A376DBDD5}" type="presParOf" srcId="{8F8BBE98-A01E-4D17-9E6D-0C418EA5E9D4}" destId="{CAF52740-98CA-4F7F-8705-3B363BF6B8A4}" srcOrd="7" destOrd="0" presId="urn:microsoft.com/office/officeart/2005/8/layout/hList1"/>
    <dgm:cxn modelId="{72CC7A35-7A5F-440B-9E67-F8467E81D220}" type="presParOf" srcId="{8F8BBE98-A01E-4D17-9E6D-0C418EA5E9D4}" destId="{00090B46-7DF0-43D3-8ECF-BDFF2DAF88A7}" srcOrd="8" destOrd="0" presId="urn:microsoft.com/office/officeart/2005/8/layout/hList1"/>
    <dgm:cxn modelId="{9225DA5D-FE42-44BF-B15D-CF05C47617F1}" type="presParOf" srcId="{00090B46-7DF0-43D3-8ECF-BDFF2DAF88A7}" destId="{53C8EB51-5429-424D-A9A4-355FD35E3043}" srcOrd="0" destOrd="0" presId="urn:microsoft.com/office/officeart/2005/8/layout/hList1"/>
    <dgm:cxn modelId="{A2D21CBC-8A5F-4AE0-93C3-528051BBFD05}" type="presParOf" srcId="{00090B46-7DF0-43D3-8ECF-BDFF2DAF88A7}" destId="{52D8AE16-2AA6-40C4-8210-DB451181B0FA}" srcOrd="1" destOrd="0" presId="urn:microsoft.com/office/officeart/2005/8/layout/hList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7E7ED9A-76AB-41D9-9825-983E19F7A268}">
      <dsp:nvSpPr>
        <dsp:cNvPr id="0" name=""/>
        <dsp:cNvSpPr/>
      </dsp:nvSpPr>
      <dsp:spPr>
        <a:xfrm>
          <a:off x="5341" y="772744"/>
          <a:ext cx="2047660" cy="4608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65024" rIns="113792" bIns="65024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600" kern="1200" dirty="0"/>
            <a:t>Identity and </a:t>
          </a:r>
          <a:r>
            <a:rPr lang="nb-NO" sz="1600" kern="1200" dirty="0" err="1"/>
            <a:t>access</a:t>
          </a:r>
          <a:endParaRPr lang="en-US" sz="1600" kern="1200" dirty="0"/>
        </a:p>
      </dsp:txBody>
      <dsp:txXfrm>
        <a:off x="5341" y="772744"/>
        <a:ext cx="2047660" cy="460800"/>
      </dsp:txXfrm>
    </dsp:sp>
    <dsp:sp modelId="{FCE7E9F2-25ED-4B60-A7AC-B59FF3A6702F}">
      <dsp:nvSpPr>
        <dsp:cNvPr id="0" name=""/>
        <dsp:cNvSpPr/>
      </dsp:nvSpPr>
      <dsp:spPr>
        <a:xfrm>
          <a:off x="5341" y="1233544"/>
          <a:ext cx="2047660" cy="3412378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344" tIns="85344" rIns="113792" bIns="128016" numCol="1" spcCol="1270" anchor="t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 err="1"/>
            <a:t>Unnecessary</a:t>
          </a:r>
          <a:r>
            <a:rPr lang="nb-NO" sz="1600" kern="1200" dirty="0"/>
            <a:t> </a:t>
          </a:r>
          <a:r>
            <a:rPr lang="nb-NO" sz="1600" kern="1200" dirty="0" err="1"/>
            <a:t>Contributor</a:t>
          </a:r>
          <a:r>
            <a:rPr lang="nb-NO" sz="1600" kern="1200" dirty="0"/>
            <a:t>/</a:t>
          </a:r>
          <a:r>
            <a:rPr lang="nb-NO" sz="1600" kern="1200" dirty="0" err="1"/>
            <a:t>Owner</a:t>
          </a:r>
          <a:r>
            <a:rPr lang="nb-NO" sz="1600" kern="1200" dirty="0"/>
            <a:t> </a:t>
          </a:r>
          <a:r>
            <a:rPr lang="nb-NO" sz="1600" kern="1200" dirty="0" err="1"/>
            <a:t>right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 err="1"/>
            <a:t>Admin</a:t>
          </a:r>
          <a:r>
            <a:rPr lang="nb-NO" sz="1600" kern="1200" dirty="0"/>
            <a:t> </a:t>
          </a:r>
          <a:r>
            <a:rPr lang="nb-NO" sz="1600" kern="1200" dirty="0" err="1"/>
            <a:t>without</a:t>
          </a:r>
          <a:r>
            <a:rPr lang="nb-NO" sz="1600" kern="1200" dirty="0"/>
            <a:t> MFA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 err="1"/>
            <a:t>Guest</a:t>
          </a:r>
          <a:r>
            <a:rPr lang="nb-NO" sz="1600" kern="1200" dirty="0"/>
            <a:t> </a:t>
          </a:r>
          <a:r>
            <a:rPr lang="nb-NO" sz="1600" kern="1200" dirty="0" err="1"/>
            <a:t>acccount</a:t>
          </a:r>
          <a:r>
            <a:rPr lang="nb-NO" sz="1600" kern="1200" dirty="0"/>
            <a:t> </a:t>
          </a:r>
          <a:r>
            <a:rPr lang="nb-NO" sz="1600" kern="1200" dirty="0" err="1"/>
            <a:t>Owner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 err="1"/>
            <a:t>Unaccounted</a:t>
          </a:r>
          <a:r>
            <a:rPr lang="nb-NO" sz="1600" kern="1200" dirty="0"/>
            <a:t> User </a:t>
          </a:r>
          <a:r>
            <a:rPr lang="nb-NO" sz="1600" kern="1200" dirty="0" err="1"/>
            <a:t>Admins</a:t>
          </a:r>
          <a:endParaRPr lang="en-US" sz="1600" kern="1200" dirty="0"/>
        </a:p>
      </dsp:txBody>
      <dsp:txXfrm>
        <a:off x="5341" y="1233544"/>
        <a:ext cx="2047660" cy="3412378"/>
      </dsp:txXfrm>
    </dsp:sp>
    <dsp:sp modelId="{482C7138-EB7C-47F1-8D70-2DC64AFDBF35}">
      <dsp:nvSpPr>
        <dsp:cNvPr id="0" name=""/>
        <dsp:cNvSpPr/>
      </dsp:nvSpPr>
      <dsp:spPr>
        <a:xfrm>
          <a:off x="2339674" y="772744"/>
          <a:ext cx="2047660" cy="4608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65024" rIns="113792" bIns="65024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600" kern="1200" dirty="0"/>
            <a:t>Network</a:t>
          </a:r>
          <a:endParaRPr lang="en-US" sz="1600" kern="1200" dirty="0"/>
        </a:p>
      </dsp:txBody>
      <dsp:txXfrm>
        <a:off x="2339674" y="772744"/>
        <a:ext cx="2047660" cy="460800"/>
      </dsp:txXfrm>
    </dsp:sp>
    <dsp:sp modelId="{CF3E8AB4-ED13-484E-A132-E4D6C31D170A}">
      <dsp:nvSpPr>
        <dsp:cNvPr id="0" name=""/>
        <dsp:cNvSpPr/>
      </dsp:nvSpPr>
      <dsp:spPr>
        <a:xfrm>
          <a:off x="2339674" y="1233544"/>
          <a:ext cx="2047660" cy="3412378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344" tIns="85344" rIns="113792" bIns="128016" numCol="1" spcCol="1270" anchor="t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Resources </a:t>
          </a:r>
          <a:r>
            <a:rPr lang="nb-NO" sz="1600" kern="1200" dirty="0" err="1"/>
            <a:t>with</a:t>
          </a:r>
          <a:r>
            <a:rPr lang="nb-NO" sz="1600" kern="1200" dirty="0"/>
            <a:t> </a:t>
          </a:r>
          <a:r>
            <a:rPr lang="nb-NO" sz="1600" kern="1200" dirty="0" err="1"/>
            <a:t>public</a:t>
          </a:r>
          <a:r>
            <a:rPr lang="nb-NO" sz="1600" kern="1200" dirty="0"/>
            <a:t> </a:t>
          </a:r>
          <a:r>
            <a:rPr lang="nb-NO" sz="1600" kern="1200" dirty="0" err="1"/>
            <a:t>acces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Open for all  </a:t>
          </a:r>
          <a:r>
            <a:rPr lang="nb-NO" sz="1600" kern="1200" dirty="0" err="1"/>
            <a:t>traffic</a:t>
          </a:r>
          <a:r>
            <a:rPr lang="nb-NO" sz="1600" kern="1200" dirty="0"/>
            <a:t> NSG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Storage </a:t>
          </a:r>
          <a:r>
            <a:rPr lang="nb-NO" sz="1600" kern="1200" dirty="0" err="1"/>
            <a:t>account</a:t>
          </a:r>
          <a:r>
            <a:rPr lang="nb-NO" sz="1600" kern="1200" dirty="0"/>
            <a:t> </a:t>
          </a:r>
          <a:r>
            <a:rPr lang="nb-NO" sz="1600" kern="1200" dirty="0" err="1"/>
            <a:t>blobs</a:t>
          </a:r>
          <a:r>
            <a:rPr lang="nb-NO" sz="1600" kern="1200" dirty="0"/>
            <a:t> </a:t>
          </a:r>
          <a:r>
            <a:rPr lang="nb-NO" sz="1600" kern="1200" dirty="0" err="1"/>
            <a:t>with</a:t>
          </a:r>
          <a:r>
            <a:rPr lang="nb-NO" sz="1600" kern="1200" dirty="0"/>
            <a:t> </a:t>
          </a:r>
          <a:r>
            <a:rPr lang="nb-NO" sz="1600" kern="1200" dirty="0" err="1"/>
            <a:t>public</a:t>
          </a:r>
          <a:r>
            <a:rPr lang="nb-NO" sz="1600" kern="1200" dirty="0"/>
            <a:t> </a:t>
          </a:r>
          <a:r>
            <a:rPr lang="nb-NO" sz="1600" kern="1200" dirty="0" err="1"/>
            <a:t>acces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Public IP </a:t>
          </a:r>
          <a:r>
            <a:rPr lang="nb-NO" sz="1600" kern="1200" dirty="0" err="1"/>
            <a:t>on</a:t>
          </a:r>
          <a:r>
            <a:rPr lang="nb-NO" sz="1600" kern="1200" dirty="0"/>
            <a:t> </a:t>
          </a:r>
          <a:r>
            <a:rPr lang="nb-NO" sz="1600" kern="1200" dirty="0" err="1"/>
            <a:t>core</a:t>
          </a:r>
          <a:r>
            <a:rPr lang="nb-NO" sz="1600" kern="1200" dirty="0"/>
            <a:t> </a:t>
          </a:r>
          <a:r>
            <a:rPr lang="nb-NO" sz="1600" kern="1200" dirty="0" err="1"/>
            <a:t>infra</a:t>
          </a:r>
          <a:r>
            <a:rPr lang="nb-NO" sz="1600" kern="1200" dirty="0"/>
            <a:t> server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Management ports </a:t>
          </a:r>
          <a:r>
            <a:rPr lang="nb-NO" sz="1600" kern="1200" dirty="0" err="1"/>
            <a:t>need</a:t>
          </a:r>
          <a:r>
            <a:rPr lang="nb-NO" sz="1600" kern="1200" dirty="0"/>
            <a:t> JIT</a:t>
          </a:r>
          <a:endParaRPr lang="en-US" sz="1600" kern="1200" dirty="0"/>
        </a:p>
      </dsp:txBody>
      <dsp:txXfrm>
        <a:off x="2339674" y="1233544"/>
        <a:ext cx="2047660" cy="3412378"/>
      </dsp:txXfrm>
    </dsp:sp>
    <dsp:sp modelId="{7D196932-053B-4656-B6FB-81DE0BCDF0E2}">
      <dsp:nvSpPr>
        <dsp:cNvPr id="0" name=""/>
        <dsp:cNvSpPr/>
      </dsp:nvSpPr>
      <dsp:spPr>
        <a:xfrm>
          <a:off x="4674007" y="772744"/>
          <a:ext cx="2047660" cy="4608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65024" rIns="113792" bIns="65024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600" kern="1200" dirty="0" err="1"/>
            <a:t>Encryption</a:t>
          </a:r>
          <a:endParaRPr lang="en-US" sz="1600" kern="1200" dirty="0"/>
        </a:p>
      </dsp:txBody>
      <dsp:txXfrm>
        <a:off x="4674007" y="772744"/>
        <a:ext cx="2047660" cy="460800"/>
      </dsp:txXfrm>
    </dsp:sp>
    <dsp:sp modelId="{FC641919-A8BD-4037-80F0-99CA70048ED2}">
      <dsp:nvSpPr>
        <dsp:cNvPr id="0" name=""/>
        <dsp:cNvSpPr/>
      </dsp:nvSpPr>
      <dsp:spPr>
        <a:xfrm>
          <a:off x="4674007" y="1233544"/>
          <a:ext cx="2047660" cy="3412378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344" tIns="85344" rIns="113792" bIns="128016" numCol="1" spcCol="1270" anchor="t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FTPS not </a:t>
          </a:r>
          <a:r>
            <a:rPr lang="nb-NO" sz="1600" kern="1200" dirty="0" err="1"/>
            <a:t>enabled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TLS 1.0/1.1 </a:t>
          </a:r>
          <a:r>
            <a:rPr lang="nb-NO" sz="1600" kern="1200" dirty="0" err="1"/>
            <a:t>enabled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Databases </a:t>
          </a:r>
          <a:r>
            <a:rPr lang="nb-NO" sz="1600" kern="1200" dirty="0" err="1"/>
            <a:t>missing</a:t>
          </a:r>
          <a:r>
            <a:rPr lang="nb-NO" sz="1600" kern="1200" dirty="0"/>
            <a:t> </a:t>
          </a:r>
          <a:r>
            <a:rPr lang="nb-NO" sz="1600" kern="1200" dirty="0" err="1"/>
            <a:t>encryption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Disk </a:t>
          </a:r>
          <a:r>
            <a:rPr lang="nb-NO" sz="1600" kern="1200" dirty="0" err="1"/>
            <a:t>encryption</a:t>
          </a:r>
          <a:r>
            <a:rPr lang="nb-NO" sz="1600" kern="1200" dirty="0"/>
            <a:t> </a:t>
          </a:r>
          <a:r>
            <a:rPr lang="nb-NO" sz="1600" kern="1200" dirty="0" err="1"/>
            <a:t>missing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 err="1"/>
            <a:t>Encryption</a:t>
          </a:r>
          <a:r>
            <a:rPr lang="nb-NO" sz="1600" kern="1200" dirty="0"/>
            <a:t> in </a:t>
          </a:r>
          <a:r>
            <a:rPr lang="nb-NO" sz="1600" kern="1200" dirty="0" err="1"/>
            <a:t>transit</a:t>
          </a:r>
          <a:r>
            <a:rPr lang="nb-NO" sz="1600" kern="1200" dirty="0"/>
            <a:t> </a:t>
          </a:r>
          <a:r>
            <a:rPr lang="nb-NO" sz="1600" kern="1200" dirty="0" err="1"/>
            <a:t>missing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600" kern="1200" dirty="0"/>
            <a:t>Transparent Data Encryption on SQL databases disabled</a:t>
          </a:r>
        </a:p>
      </dsp:txBody>
      <dsp:txXfrm>
        <a:off x="4674007" y="1233544"/>
        <a:ext cx="2047660" cy="3412378"/>
      </dsp:txXfrm>
    </dsp:sp>
    <dsp:sp modelId="{A9F283F8-51B6-463B-A028-104C63EC3AD5}">
      <dsp:nvSpPr>
        <dsp:cNvPr id="0" name=""/>
        <dsp:cNvSpPr/>
      </dsp:nvSpPr>
      <dsp:spPr>
        <a:xfrm>
          <a:off x="7008340" y="772744"/>
          <a:ext cx="2047660" cy="4608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65024" rIns="113792" bIns="65024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600" kern="1200" dirty="0"/>
            <a:t>Security</a:t>
          </a:r>
          <a:endParaRPr lang="en-US" sz="1600" kern="1200" dirty="0"/>
        </a:p>
      </dsp:txBody>
      <dsp:txXfrm>
        <a:off x="7008340" y="772744"/>
        <a:ext cx="2047660" cy="460800"/>
      </dsp:txXfrm>
    </dsp:sp>
    <dsp:sp modelId="{068DF82D-CBB1-47A3-AAFF-D91934A62780}">
      <dsp:nvSpPr>
        <dsp:cNvPr id="0" name=""/>
        <dsp:cNvSpPr/>
      </dsp:nvSpPr>
      <dsp:spPr>
        <a:xfrm>
          <a:off x="7008340" y="1233544"/>
          <a:ext cx="2047660" cy="3412378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344" tIns="85344" rIns="113792" bIns="128016" numCol="1" spcCol="1270" anchor="t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600" kern="1200" dirty="0"/>
            <a:t>Log Analytics agent should be installed on virtual machines</a:t>
          </a:r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600" kern="1200"/>
            <a:t>Endpoint protection should be installed on machine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600" kern="1200" dirty="0"/>
            <a:t>Web Application Firewall (WAF) should be enabled for Application Gateway</a:t>
          </a:r>
        </a:p>
      </dsp:txBody>
      <dsp:txXfrm>
        <a:off x="7008340" y="1233544"/>
        <a:ext cx="2047660" cy="3412378"/>
      </dsp:txXfrm>
    </dsp:sp>
    <dsp:sp modelId="{53C8EB51-5429-424D-A9A4-355FD35E3043}">
      <dsp:nvSpPr>
        <dsp:cNvPr id="0" name=""/>
        <dsp:cNvSpPr/>
      </dsp:nvSpPr>
      <dsp:spPr>
        <a:xfrm>
          <a:off x="9342672" y="772744"/>
          <a:ext cx="2047660" cy="4608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65024" rIns="113792" bIns="65024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600" kern="1200" dirty="0" err="1"/>
            <a:t>Governance</a:t>
          </a:r>
          <a:endParaRPr lang="en-US" sz="1600" kern="1200" dirty="0"/>
        </a:p>
      </dsp:txBody>
      <dsp:txXfrm>
        <a:off x="9342672" y="772744"/>
        <a:ext cx="2047660" cy="460800"/>
      </dsp:txXfrm>
    </dsp:sp>
    <dsp:sp modelId="{52D8AE16-2AA6-40C4-8210-DB451181B0FA}">
      <dsp:nvSpPr>
        <dsp:cNvPr id="0" name=""/>
        <dsp:cNvSpPr/>
      </dsp:nvSpPr>
      <dsp:spPr>
        <a:xfrm>
          <a:off x="9342672" y="1233544"/>
          <a:ext cx="2047660" cy="3412378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0795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344" tIns="85344" rIns="113792" bIns="128016" numCol="1" spcCol="1270" anchor="t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Resource </a:t>
          </a:r>
          <a:r>
            <a:rPr lang="nb-NO" sz="1600" kern="1200" dirty="0" err="1"/>
            <a:t>naming</a:t>
          </a:r>
          <a:r>
            <a:rPr lang="nb-NO" sz="1600" kern="1200" dirty="0"/>
            <a:t> standard </a:t>
          </a:r>
          <a:r>
            <a:rPr lang="nb-NO" sz="1600" kern="1200" dirty="0" err="1"/>
            <a:t>misssing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Resource tagging </a:t>
          </a:r>
          <a:r>
            <a:rPr lang="nb-NO" sz="1600" kern="1200" dirty="0" err="1"/>
            <a:t>missing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nb-NO" sz="1600" kern="1200" dirty="0"/>
            <a:t>Resources </a:t>
          </a:r>
          <a:r>
            <a:rPr lang="nb-NO" sz="1600" kern="1200" dirty="0" err="1"/>
            <a:t>hosted</a:t>
          </a:r>
          <a:r>
            <a:rPr lang="nb-NO" sz="1600" kern="1200" dirty="0"/>
            <a:t> in </a:t>
          </a:r>
          <a:r>
            <a:rPr lang="nb-NO" sz="1600" kern="1200" dirty="0" err="1"/>
            <a:t>unapproved</a:t>
          </a:r>
          <a:r>
            <a:rPr lang="nb-NO" sz="1600" kern="1200" dirty="0"/>
            <a:t> location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US" sz="1600" kern="1200" dirty="0"/>
        </a:p>
      </dsp:txBody>
      <dsp:txXfrm>
        <a:off x="9342672" y="1233544"/>
        <a:ext cx="2047660" cy="341237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List1">
  <dgm:title val=""/>
  <dgm:desc val=""/>
  <dgm:catLst>
    <dgm:cat type="list" pri="5000"/>
    <dgm:cat type="convert" pri="5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w" for="des" forName="parTx"/>
      <dgm:constr type="h" for="des" forName="parTx" op="equ"/>
      <dgm:constr type="w" for="des" forName="desTx"/>
      <dgm:constr type="h" for="des" forName="desTx" op="equ"/>
      <dgm:constr type="primFontSz" for="des" forName="parTx" val="65"/>
      <dgm:constr type="secFontSz" for="des" forName="desTx" refType="primFontSz" refFor="des" refForName="parTx" op="equ"/>
      <dgm:constr type="h" for="des" forName="parTx" refType="primFontSz" refFor="des" refForName="parTx" fact="0.8"/>
      <dgm:constr type="h" for="des" forName="desTx" refType="primFontSz" refFor="des" refForName="parTx" fact="1.22"/>
      <dgm:constr type="w" for="ch" forName="space" refType="w" refFor="ch" refForName="composite" op="equ" fact="0.14"/>
    </dgm:constrLst>
    <dgm:ruleLst>
      <dgm:rule type="w" for="ch" forName="composite" val="0" fact="NaN" max="NaN"/>
      <dgm:rule type="primFontSz" for="des" forName="parTx" val="5" fact="NaN" max="NaN"/>
    </dgm:ruleLst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onstrLst>
          <dgm:constr type="l" for="ch" forName="parTx"/>
          <dgm:constr type="w" for="ch" forName="parTx" refType="w"/>
          <dgm:constr type="t" for="ch" forName="parTx"/>
          <dgm:constr type="l" for="ch" forName="desTx"/>
          <dgm:constr type="w" for="ch" forName="desTx" refType="w" refFor="ch" refForName="parTx"/>
          <dgm:constr type="t" for="ch" forName="desTx" refType="h" refFor="ch" refForName="parTx"/>
        </dgm:constrLst>
        <dgm:ruleLst>
          <dgm:rule type="h" val="INF" fact="NaN" max="NaN"/>
        </dgm:ruleLst>
        <dgm:layoutNode name="parTx" styleLbl="alignNod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>
            <dgm:adjLst/>
          </dgm:shape>
          <dgm:presOf axis="self" ptType="node"/>
          <dgm:constrLst>
            <dgm:constr type="h" refType="w" op="lte" fact="0.4"/>
            <dgm:constr type="h"/>
            <dgm:constr type="tMarg" refType="primFontSz" fact="0.32"/>
            <dgm:constr type="bMarg" refType="primFontSz" fact="0.32"/>
          </dgm:constrLst>
          <dgm:ruleLst>
            <dgm:rule type="h" val="INF" fact="NaN" max="NaN"/>
          </dgm:ruleLst>
        </dgm:layoutNode>
        <dgm:layoutNode name="desTx" styleLbl="alignAccFollowNode1">
          <dgm:varLst>
            <dgm:bulletEnabled val="1"/>
          </dgm:varLst>
          <dgm:alg type="tx">
            <dgm:param type="stBulletLvl" val="1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val="65"/>
            <dgm:constr type="primFontSz" refType="secFontSz"/>
            <dgm:constr type="h"/>
            <dgm:constr type="lMarg" refType="primFontSz" fact="0.42"/>
            <dgm:constr type="tMarg" refType="primFontSz" fact="0.42"/>
            <dgm:constr type="bMarg" refType="primFontSz" fact="0.63"/>
          </dgm:constrLst>
          <dgm:ruleLst>
            <dgm:rule type="h" val="INF" fact="NaN" max="NaN"/>
          </dgm:ruleLst>
        </dgm:layoutNode>
      </dgm:layoutNode>
      <dgm:forEach name="Name5" axis="followSib" ptType="sibTrans" cnt="1">
        <dgm:layoutNode name="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4/18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linkedin.com/groups/12960224/" TargetMode="External"/><Relationship Id="rId2" Type="http://schemas.openxmlformats.org/officeDocument/2006/relationships/hyperlink" Target="https://github.com/MeetupRepo/MGUG/" TargetMode="External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9DD8E7A-97CB-E832-49F9-4FAEB05D06B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dirty="0">
                <a:hlinkClick r:id="rId2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3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10" name="Picture 9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BA406087-0C82-6BA0-38DF-4B4CC82D2F7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etupRepo/MGUG/" TargetMode="External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png"/><Relationship Id="rId4" Type="http://schemas.openxmlformats.org/officeDocument/2006/relationships/hyperlink" Target="https://www.linkedin.com/groups/12960224/" TargetMode="Externa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DD86D38-02A9-3003-E8DB-BAA7D52F046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en-US" sz="1000" dirty="0">
                <a:hlinkClick r:id="rId3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4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5" name="Picture 4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D11316F0-B4D5-6C15-E693-E754854022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2.jpg"/></Relationships>
</file>

<file path=ppt/slides/_rels/slide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1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Relationship Id="rId9" Type="http://schemas.openxmlformats.org/officeDocument/2006/relationships/image" Target="../media/image3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7.png"/><Relationship Id="rId4" Type="http://schemas.openxmlformats.org/officeDocument/2006/relationships/hyperlink" Target="https://portal.azure.com/#view/Microsoft_Azure_Policy/PolicyDetail.ReactView/id/%2Fproviders%2FMicrosoft.Authorization%2FpolicyDefinitions%2F405c5871-3e91-4644-8a63-58e19d68ff5b/scopes~/%5B%22%22%5D" TargetMode="Externa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8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hyperlink" Target="https://techcommunity.microsoft.com/t5/core-infrastructure-and-security/azure-enterprise-policy-as-code-a-new-approach/ba-p/3607843" TargetMode="Externa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hyperlink" Target="https://jloudon.com/cloud/Flexing-your-Security-Governance-with-Azure-Policy-as-Code/" TargetMode="External"/><Relationship Id="rId5" Type="http://schemas.openxmlformats.org/officeDocument/2006/relationships/hyperlink" Target="https://github.com/Azure/azure-quickstart-templates/tree/master/managementgroup-deployments/mg-policy" TargetMode="External"/><Relationship Id="rId4" Type="http://schemas.openxmlformats.org/officeDocument/2006/relationships/hyperlink" Target="https://learn.microsoft.com/en-us/azure/templates/microsoft.authorization/policyassignments?pivots=deployment-language-bicep" TargetMode="Externa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 t="-74000" b="-74000"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D7BF1786-841A-71D8-D820-747941014894}"/>
              </a:ext>
            </a:extLst>
          </p:cNvPr>
          <p:cNvSpPr txBox="1"/>
          <p:nvPr/>
        </p:nvSpPr>
        <p:spPr>
          <a:xfrm>
            <a:off x="1821649" y="2310258"/>
            <a:ext cx="9112242" cy="2417683"/>
          </a:xfrm>
          <a:prstGeom prst="roundRect">
            <a:avLst/>
          </a:prstGeom>
          <a:solidFill>
            <a:srgbClr val="0965B1"/>
          </a:solidFill>
          <a:ln>
            <a:solidFill>
              <a:srgbClr val="097288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r>
              <a:rPr lang="nb-NO" sz="4400" b="1" dirty="0">
                <a:solidFill>
                  <a:srgbClr val="FFFF00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Azure </a:t>
            </a:r>
            <a:r>
              <a:rPr lang="nb-NO" sz="4400" b="1" dirty="0" err="1">
                <a:solidFill>
                  <a:srgbClr val="FFFF00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Policies</a:t>
            </a:r>
            <a:r>
              <a:rPr lang="nb-NO" sz="4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: Setup </a:t>
            </a:r>
            <a:r>
              <a:rPr lang="nb-NO" sz="4400" b="1" dirty="0" err="1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Ground</a:t>
            </a:r>
            <a:r>
              <a:rPr lang="nb-NO" sz="4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 </a:t>
            </a:r>
            <a:r>
              <a:rPr lang="nb-NO" sz="4400" b="1" dirty="0" err="1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rules</a:t>
            </a:r>
            <a:r>
              <a:rPr lang="nb-NO" sz="4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 for </a:t>
            </a:r>
            <a:r>
              <a:rPr lang="nb-NO" sz="4400" b="1" dirty="0" err="1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your</a:t>
            </a:r>
            <a:r>
              <a:rPr lang="nb-NO" sz="4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 Cloud</a:t>
            </a:r>
            <a:endParaRPr lang="nb-NO" sz="800" b="1" dirty="0">
              <a:solidFill>
                <a:schemeClr val="bg1"/>
              </a:solidFill>
              <a:latin typeface="Cavolini" panose="03000502040302020204" pitchFamily="66" charset="0"/>
              <a:cs typeface="Cavolini" panose="03000502040302020204" pitchFamily="66" charset="0"/>
            </a:endParaRPr>
          </a:p>
          <a:p>
            <a:pPr algn="r"/>
            <a:r>
              <a:rPr lang="nb-NO" sz="2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Mohit Sharma</a:t>
            </a:r>
          </a:p>
          <a:p>
            <a:pPr algn="r"/>
            <a:r>
              <a:rPr lang="nb-NO" sz="2400" b="1" dirty="0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Chief </a:t>
            </a:r>
            <a:r>
              <a:rPr lang="nb-NO" sz="2400" b="1" dirty="0" err="1">
                <a:solidFill>
                  <a:schemeClr val="bg1"/>
                </a:solidFill>
                <a:latin typeface="Cavolini" panose="03000502040302020204" pitchFamily="66" charset="0"/>
                <a:cs typeface="Cavolini" panose="03000502040302020204" pitchFamily="66" charset="0"/>
              </a:rPr>
              <a:t>consultant</a:t>
            </a:r>
            <a:endParaRPr lang="en-US" sz="2400" b="1" dirty="0">
              <a:solidFill>
                <a:schemeClr val="bg1"/>
              </a:solidFill>
              <a:latin typeface="Cavolini" panose="03000502040302020204" pitchFamily="66" charset="0"/>
              <a:cs typeface="Cavolini" panose="03000502040302020204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5961888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dirty="0" err="1">
                <a:latin typeface="Comic Sans MS" panose="030F0702030302020204" pitchFamily="66" charset="0"/>
              </a:rPr>
              <a:t>What</a:t>
            </a:r>
            <a:r>
              <a:rPr lang="nb-NO" sz="4400" dirty="0">
                <a:latin typeface="Comic Sans MS" panose="030F0702030302020204" pitchFamily="66" charset="0"/>
              </a:rPr>
              <a:t> </a:t>
            </a:r>
            <a:r>
              <a:rPr lang="nb-NO" sz="4400" dirty="0" err="1">
                <a:latin typeface="Comic Sans MS" panose="030F0702030302020204" pitchFamily="66" charset="0"/>
              </a:rPr>
              <a:t>could</a:t>
            </a:r>
            <a:r>
              <a:rPr lang="nb-NO" sz="4400" dirty="0">
                <a:latin typeface="Comic Sans MS" panose="030F0702030302020204" pitchFamily="66" charset="0"/>
              </a:rPr>
              <a:t> </a:t>
            </a:r>
            <a:r>
              <a:rPr lang="nb-NO" sz="4400" dirty="0" err="1">
                <a:latin typeface="Comic Sans MS" panose="030F0702030302020204" pitchFamily="66" charset="0"/>
              </a:rPr>
              <a:t>go</a:t>
            </a:r>
            <a:r>
              <a:rPr lang="nb-NO" sz="4400" dirty="0">
                <a:latin typeface="Comic Sans MS" panose="030F0702030302020204" pitchFamily="66" charset="0"/>
              </a:rPr>
              <a:t> </a:t>
            </a:r>
            <a:r>
              <a:rPr lang="nb-NO" sz="4400" dirty="0" err="1">
                <a:latin typeface="Comic Sans MS" panose="030F0702030302020204" pitchFamily="66" charset="0"/>
              </a:rPr>
              <a:t>wrong</a:t>
            </a:r>
            <a:r>
              <a:rPr lang="nb-NO" sz="4400" dirty="0">
                <a:latin typeface="Comic Sans MS" panose="030F0702030302020204" pitchFamily="66" charset="0"/>
              </a:rPr>
              <a:t>?</a:t>
            </a:r>
            <a:endParaRPr lang="en-US" sz="4400" dirty="0">
              <a:latin typeface="Comic Sans MS" panose="030F0702030302020204" pitchFamily="66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CA84EE2-8342-91E9-5E6B-D8E392FD05DB}"/>
              </a:ext>
            </a:extLst>
          </p:cNvPr>
          <p:cNvSpPr txBox="1"/>
          <p:nvPr/>
        </p:nvSpPr>
        <p:spPr>
          <a:xfrm>
            <a:off x="1205769" y="1919510"/>
            <a:ext cx="4057918" cy="408623"/>
          </a:xfrm>
          <a:prstGeom prst="roundRect">
            <a:avLst/>
          </a:prstGeom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wrap="none" rtlCol="0">
            <a:spAutoFit/>
          </a:bodyPr>
          <a:lstStyle/>
          <a:p>
            <a:r>
              <a:rPr lang="nb-NO" dirty="0" err="1">
                <a:solidFill>
                  <a:schemeClr val="tx1"/>
                </a:solidFill>
              </a:rPr>
              <a:t>Misconfigured</a:t>
            </a:r>
            <a:r>
              <a:rPr lang="nb-NO" dirty="0">
                <a:solidFill>
                  <a:schemeClr val="tx1"/>
                </a:solidFill>
              </a:rPr>
              <a:t> Security </a:t>
            </a:r>
            <a:r>
              <a:rPr lang="nb-NO" dirty="0" err="1">
                <a:solidFill>
                  <a:schemeClr val="tx1"/>
                </a:solidFill>
              </a:rPr>
              <a:t>Configuration</a:t>
            </a:r>
            <a:r>
              <a:rPr lang="nb-NO" dirty="0">
                <a:solidFill>
                  <a:schemeClr val="tx1"/>
                </a:solidFill>
              </a:rPr>
              <a:t> </a:t>
            </a:r>
            <a:endParaRPr lang="en-US" dirty="0">
              <a:solidFill>
                <a:schemeClr val="tx1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6724174-6656-4BF3-6965-85B46EBAE545}"/>
              </a:ext>
            </a:extLst>
          </p:cNvPr>
          <p:cNvSpPr txBox="1"/>
          <p:nvPr/>
        </p:nvSpPr>
        <p:spPr>
          <a:xfrm>
            <a:off x="5534770" y="1919509"/>
            <a:ext cx="5763116" cy="408623"/>
          </a:xfrm>
          <a:prstGeom prst="roundRect">
            <a:avLst/>
          </a:prstGeom>
          <a:solidFill>
            <a:srgbClr val="002060"/>
          </a:solidFill>
          <a:ln>
            <a:solidFill>
              <a:srgbClr val="002060"/>
            </a:solidFill>
          </a:ln>
        </p:spPr>
        <p:txBody>
          <a:bodyPr wrap="none" rtlCol="0">
            <a:spAutoFit/>
          </a:bodyPr>
          <a:lstStyle/>
          <a:p>
            <a:r>
              <a:rPr lang="nb-NO" dirty="0" err="1">
                <a:solidFill>
                  <a:schemeClr val="bg1"/>
                </a:solidFill>
              </a:rPr>
              <a:t>Misalligned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governanc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rules</a:t>
            </a:r>
            <a:r>
              <a:rPr lang="nb-NO" dirty="0">
                <a:solidFill>
                  <a:schemeClr val="bg1"/>
                </a:solidFill>
              </a:rPr>
              <a:t> or </a:t>
            </a:r>
            <a:r>
              <a:rPr lang="nb-NO" dirty="0" err="1">
                <a:solidFill>
                  <a:schemeClr val="bg1"/>
                </a:solidFill>
              </a:rPr>
              <a:t>plain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absens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of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them</a:t>
            </a:r>
            <a:endParaRPr lang="en-US" dirty="0">
              <a:solidFill>
                <a:schemeClr val="bg1"/>
              </a:solidFill>
            </a:endParaRPr>
          </a:p>
        </p:txBody>
      </p:sp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55625C45-A3ED-AC5A-C921-AC0135D7CF8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798766615"/>
              </p:ext>
            </p:extLst>
          </p:nvPr>
        </p:nvGraphicFramePr>
        <p:xfrm>
          <a:off x="398162" y="1809744"/>
          <a:ext cx="11395675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pic>
        <p:nvPicPr>
          <p:cNvPr id="1026" name="Picture 2" descr="Excellent idea, can't see how it could go wrong.. - Disaster Girl Meme  Generator">
            <a:extLst>
              <a:ext uri="{FF2B5EF4-FFF2-40B4-BE49-F238E27FC236}">
                <a16:creationId xmlns:a16="http://schemas.microsoft.com/office/drawing/2014/main" id="{093B1465-EDCA-8412-A18A-69598E35A2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56879" y="1179556"/>
            <a:ext cx="5715000" cy="5200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679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7" dur="500"/>
                                        <p:tgtEl>
                                          <p:spTgt spid="10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6272871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b="1" dirty="0" err="1">
                <a:latin typeface="Comic Sans MS" panose="030F0702030302020204" pitchFamily="66" charset="0"/>
              </a:rPr>
              <a:t>What</a:t>
            </a:r>
            <a:r>
              <a:rPr lang="nb-NO" sz="4400" b="1" dirty="0">
                <a:latin typeface="Comic Sans MS" panose="030F0702030302020204" pitchFamily="66" charset="0"/>
              </a:rPr>
              <a:t> is Azure Policy?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A7EA4CE-4C05-097D-5285-6AB02A43C879}"/>
              </a:ext>
            </a:extLst>
          </p:cNvPr>
          <p:cNvSpPr txBox="1"/>
          <p:nvPr/>
        </p:nvSpPr>
        <p:spPr>
          <a:xfrm>
            <a:off x="1013254" y="2352574"/>
            <a:ext cx="6096000" cy="427809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Enforce compliance by: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Turning on built-in policies or building custom policies for all resource types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Performing real-time policy evaluation and enforcement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Performing periodic and on-demand compliance evaluation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Implementing virtual machine In-Guest Policy.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Apply policies at scale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Apply policies to a Management Group with control across your entire organization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Apply multiple policies and aggregate policy states with policy initiative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Handle exclusion scope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Remediation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Real-time remediation.</a:t>
            </a:r>
          </a:p>
          <a:p>
            <a:pPr marL="742950" lvl="1" indent="-285750" algn="l">
              <a:buFont typeface="Arial" panose="020B0604020202020204" pitchFamily="34" charset="0"/>
              <a:buChar char="•"/>
            </a:pPr>
            <a:r>
              <a:rPr lang="en-US" sz="1600" b="0" i="0" dirty="0">
                <a:solidFill>
                  <a:srgbClr val="161616"/>
                </a:solidFill>
                <a:effectLst/>
                <a:highlight>
                  <a:srgbClr val="FFFFFF"/>
                </a:highlight>
                <a:latin typeface="Comic Sans MS" panose="030F0702030302020204" pitchFamily="66" charset="0"/>
              </a:rPr>
              <a:t>Remediation on existing resources.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51B7ADE-93CD-8744-6ABE-F1E86E3B4362}"/>
              </a:ext>
            </a:extLst>
          </p:cNvPr>
          <p:cNvSpPr txBox="1"/>
          <p:nvPr/>
        </p:nvSpPr>
        <p:spPr>
          <a:xfrm>
            <a:off x="724930" y="1752769"/>
            <a:ext cx="10742140" cy="408623"/>
          </a:xfrm>
          <a:prstGeom prst="roundRect">
            <a:avLst/>
          </a:prstGeom>
          <a:solidFill>
            <a:srgbClr val="0965B1"/>
          </a:solidFill>
        </p:spPr>
        <p:txBody>
          <a:bodyPr wrap="square">
            <a:spAutoFit/>
          </a:bodyPr>
          <a:lstStyle/>
          <a:p>
            <a:r>
              <a:rPr lang="en-US" b="0" i="0" dirty="0">
                <a:solidFill>
                  <a:schemeClr val="bg1"/>
                </a:solidFill>
                <a:effectLst/>
                <a:latin typeface="Comic Sans MS" panose="030F0702030302020204" pitchFamily="66" charset="0"/>
              </a:rPr>
              <a:t>Azure Policy is a service that you use to create, assign, and manage policy definitions</a:t>
            </a:r>
            <a:endParaRPr lang="en-US" dirty="0">
              <a:solidFill>
                <a:schemeClr val="bg1"/>
              </a:solidFill>
              <a:latin typeface="Comic Sans MS" panose="030F0702030302020204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254078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A069CE6A-41E5-F3C8-AD91-17EC45DCEA93}"/>
              </a:ext>
            </a:extLst>
          </p:cNvPr>
          <p:cNvSpPr/>
          <p:nvPr/>
        </p:nvSpPr>
        <p:spPr>
          <a:xfrm>
            <a:off x="6152642" y="1894703"/>
            <a:ext cx="5593495" cy="3954162"/>
          </a:xfrm>
          <a:prstGeom prst="roundRect">
            <a:avLst/>
          </a:prstGeom>
          <a:solidFill>
            <a:schemeClr val="accent6">
              <a:lumMod val="20000"/>
              <a:lumOff val="8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2293A5A3-CA68-868E-3E7D-FFC386BF9C0B}"/>
              </a:ext>
            </a:extLst>
          </p:cNvPr>
          <p:cNvSpPr/>
          <p:nvPr/>
        </p:nvSpPr>
        <p:spPr>
          <a:xfrm>
            <a:off x="197708" y="1894703"/>
            <a:ext cx="5593495" cy="3954162"/>
          </a:xfrm>
          <a:prstGeom prst="roundRect">
            <a:avLst/>
          </a:prstGeom>
          <a:solidFill>
            <a:schemeClr val="accent5">
              <a:lumMod val="20000"/>
              <a:lumOff val="8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5256567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b="1" dirty="0">
                <a:latin typeface="Comic Sans MS" panose="030F0702030302020204" pitchFamily="66" charset="0"/>
              </a:rPr>
              <a:t>How </a:t>
            </a:r>
            <a:r>
              <a:rPr lang="nb-NO" sz="4400" b="1" dirty="0" err="1">
                <a:latin typeface="Comic Sans MS" panose="030F0702030302020204" pitchFamily="66" charset="0"/>
              </a:rPr>
              <a:t>does</a:t>
            </a:r>
            <a:r>
              <a:rPr lang="nb-NO" sz="4400" b="1" dirty="0">
                <a:latin typeface="Comic Sans MS" panose="030F0702030302020204" pitchFamily="66" charset="0"/>
              </a:rPr>
              <a:t> it </a:t>
            </a:r>
            <a:r>
              <a:rPr lang="nb-NO" sz="4400" b="1" dirty="0" err="1">
                <a:latin typeface="Comic Sans MS" panose="030F0702030302020204" pitchFamily="66" charset="0"/>
              </a:rPr>
              <a:t>work</a:t>
            </a:r>
            <a:r>
              <a:rPr lang="nb-NO" sz="4400" b="1" dirty="0">
                <a:latin typeface="Comic Sans MS" panose="030F0702030302020204" pitchFamily="66" charset="0"/>
              </a:rPr>
              <a:t>?</a:t>
            </a:r>
            <a:endParaRPr lang="en-US" sz="4400" b="1" dirty="0">
              <a:latin typeface="Comic Sans MS" panose="030F0702030302020204" pitchFamily="66" charset="0"/>
            </a:endParaRPr>
          </a:p>
        </p:txBody>
      </p:sp>
      <p:pic>
        <p:nvPicPr>
          <p:cNvPr id="6" name="Picture 5" descr="A diagram of a process&#10;&#10;Description automatically generated">
            <a:extLst>
              <a:ext uri="{FF2B5EF4-FFF2-40B4-BE49-F238E27FC236}">
                <a16:creationId xmlns:a16="http://schemas.microsoft.com/office/drawing/2014/main" id="{976DF9FA-9AC2-31D7-97FD-F07BD85CA1DC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464"/>
          <a:stretch/>
        </p:blipFill>
        <p:spPr>
          <a:xfrm>
            <a:off x="445863" y="3182005"/>
            <a:ext cx="5157203" cy="2414185"/>
          </a:xfrm>
          <a:prstGeom prst="rect">
            <a:avLst/>
          </a:prstGeom>
        </p:spPr>
      </p:pic>
      <p:pic>
        <p:nvPicPr>
          <p:cNvPr id="8" name="Picture 7" descr="A diagram of a software process&#10;&#10;Description automatically generated">
            <a:extLst>
              <a:ext uri="{FF2B5EF4-FFF2-40B4-BE49-F238E27FC236}">
                <a16:creationId xmlns:a16="http://schemas.microsoft.com/office/drawing/2014/main" id="{78D3C70F-FD74-74A1-609E-0DBC4C3DC71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00798" y="3179307"/>
            <a:ext cx="5097185" cy="2416883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C7ECA86-E882-4A8E-051D-48874DADD58F}"/>
              </a:ext>
            </a:extLst>
          </p:cNvPr>
          <p:cNvSpPr txBox="1"/>
          <p:nvPr/>
        </p:nvSpPr>
        <p:spPr>
          <a:xfrm>
            <a:off x="7380082" y="2492631"/>
            <a:ext cx="313861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>
                <a:latin typeface="Comic Sans MS" panose="030F0702030302020204" pitchFamily="66" charset="0"/>
              </a:rPr>
              <a:t>Append and Modify effect</a:t>
            </a:r>
            <a:endParaRPr lang="en-US" dirty="0">
              <a:latin typeface="Comic Sans MS" panose="030F0702030302020204" pitchFamily="66" charset="0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27A1F6F-2C16-D2F9-4262-2B13DA30303A}"/>
              </a:ext>
            </a:extLst>
          </p:cNvPr>
          <p:cNvSpPr txBox="1"/>
          <p:nvPr/>
        </p:nvSpPr>
        <p:spPr>
          <a:xfrm>
            <a:off x="1475294" y="2492631"/>
            <a:ext cx="266988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latin typeface="Comic Sans MS" panose="030F0702030302020204" pitchFamily="66" charset="0"/>
              </a:rPr>
              <a:t>Deny and Audit effec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431828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5256567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b="1" dirty="0">
                <a:latin typeface="Comic Sans MS" panose="030F0702030302020204" pitchFamily="66" charset="0"/>
              </a:rPr>
              <a:t>How </a:t>
            </a:r>
            <a:r>
              <a:rPr lang="nb-NO" sz="4400" b="1" dirty="0" err="1">
                <a:latin typeface="Comic Sans MS" panose="030F0702030302020204" pitchFamily="66" charset="0"/>
              </a:rPr>
              <a:t>does</a:t>
            </a:r>
            <a:r>
              <a:rPr lang="nb-NO" sz="4400" b="1" dirty="0">
                <a:latin typeface="Comic Sans MS" panose="030F0702030302020204" pitchFamily="66" charset="0"/>
              </a:rPr>
              <a:t> it </a:t>
            </a:r>
            <a:r>
              <a:rPr lang="nb-NO" sz="4400" b="1" dirty="0" err="1">
                <a:latin typeface="Comic Sans MS" panose="030F0702030302020204" pitchFamily="66" charset="0"/>
              </a:rPr>
              <a:t>work</a:t>
            </a:r>
            <a:r>
              <a:rPr lang="nb-NO" sz="4400" b="1" dirty="0">
                <a:latin typeface="Comic Sans MS" panose="030F0702030302020204" pitchFamily="66" charset="0"/>
              </a:rPr>
              <a:t>?</a:t>
            </a:r>
            <a:endParaRPr lang="en-US" sz="4400" b="1" dirty="0">
              <a:latin typeface="Comic Sans MS" panose="030F0702030302020204" pitchFamily="66" charset="0"/>
            </a:endParaRPr>
          </a:p>
        </p:txBody>
      </p:sp>
      <p:pic>
        <p:nvPicPr>
          <p:cNvPr id="3078" name="Picture 6" descr="Azure Policy">
            <a:extLst>
              <a:ext uri="{FF2B5EF4-FFF2-40B4-BE49-F238E27FC236}">
                <a16:creationId xmlns:a16="http://schemas.microsoft.com/office/drawing/2014/main" id="{929B2F1A-DA41-CCE7-9A37-91987823709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7009" y="1811167"/>
            <a:ext cx="6871662" cy="38338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9A4EFAA5-5059-49CA-57FE-1B0ACE1149D3}"/>
              </a:ext>
            </a:extLst>
          </p:cNvPr>
          <p:cNvSpPr txBox="1"/>
          <p:nvPr/>
        </p:nvSpPr>
        <p:spPr>
          <a:xfrm>
            <a:off x="1489744" y="5935245"/>
            <a:ext cx="958191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Source: https://k21academy.com/az-305/azure-rbac-vs-azure-policies-vs-azure-blueprints/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67429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8970726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dirty="0">
                <a:latin typeface="Comic Sans MS" panose="030F0702030302020204" pitchFamily="66" charset="0"/>
              </a:rPr>
              <a:t>Azure Policy </a:t>
            </a:r>
            <a:r>
              <a:rPr lang="nb-NO" sz="4400" dirty="0" err="1">
                <a:latin typeface="Comic Sans MS" panose="030F0702030302020204" pitchFamily="66" charset="0"/>
              </a:rPr>
              <a:t>structure</a:t>
            </a:r>
            <a:r>
              <a:rPr lang="nb-NO" sz="4400" dirty="0">
                <a:latin typeface="Comic Sans MS" panose="030F0702030302020204" pitchFamily="66" charset="0"/>
              </a:rPr>
              <a:t> and Scope</a:t>
            </a:r>
            <a:endParaRPr lang="en-US" sz="4400" dirty="0">
              <a:latin typeface="Comic Sans MS" panose="030F0702030302020204" pitchFamily="66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A9B1A47-DAA7-5A9B-766C-B2B0A504281F}"/>
              </a:ext>
            </a:extLst>
          </p:cNvPr>
          <p:cNvSpPr txBox="1"/>
          <p:nvPr/>
        </p:nvSpPr>
        <p:spPr>
          <a:xfrm>
            <a:off x="528474" y="1692186"/>
            <a:ext cx="7661189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Review: </a:t>
            </a:r>
            <a:r>
              <a:rPr lang="en-US" dirty="0">
                <a:hlinkClick r:id="rId4"/>
              </a:rPr>
              <a:t>Azure Key Vault should disable public network access</a:t>
            </a:r>
            <a:endParaRPr lang="en-US" dirty="0"/>
          </a:p>
        </p:txBody>
      </p:sp>
      <p:pic>
        <p:nvPicPr>
          <p:cNvPr id="3076" name="Picture 4" descr="Comparing Azure RBAC, Azure Policy &amp; Azure Blueprints">
            <a:extLst>
              <a:ext uri="{FF2B5EF4-FFF2-40B4-BE49-F238E27FC236}">
                <a16:creationId xmlns:a16="http://schemas.microsoft.com/office/drawing/2014/main" id="{C51A6384-76E6-9649-DCDF-D4BE6E063D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29832" y="2506469"/>
            <a:ext cx="6962775" cy="33718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267BDE6-0545-5F7A-80E5-C5BC3B292527}"/>
              </a:ext>
            </a:extLst>
          </p:cNvPr>
          <p:cNvSpPr txBox="1"/>
          <p:nvPr/>
        </p:nvSpPr>
        <p:spPr>
          <a:xfrm>
            <a:off x="1489744" y="5935245"/>
            <a:ext cx="958191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Source: https://k21academy.com/az-305/azure-rbac-vs-azure-policies-vs-azure-blueprints/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6352092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3373039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dirty="0">
                <a:latin typeface="Comic Sans MS" panose="030F0702030302020204" pitchFamily="66" charset="0"/>
              </a:rPr>
              <a:t>Portal Demo</a:t>
            </a:r>
            <a:endParaRPr lang="en-US" sz="4400" dirty="0">
              <a:latin typeface="Comic Sans MS" panose="030F0702030302020204" pitchFamily="66" charset="0"/>
            </a:endParaRPr>
          </a:p>
        </p:txBody>
      </p:sp>
      <p:pic>
        <p:nvPicPr>
          <p:cNvPr id="2050" name="Picture 2" descr="Oh, a live demo you say... What could possibly go wrong? - Willy ...">
            <a:extLst>
              <a:ext uri="{FF2B5EF4-FFF2-40B4-BE49-F238E27FC236}">
                <a16:creationId xmlns:a16="http://schemas.microsoft.com/office/drawing/2014/main" id="{15274166-5FCF-2E84-D1FE-6C1A29D1960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39646" y="1550258"/>
            <a:ext cx="5715000" cy="476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323110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6F009DF-A79F-9AE6-A0EC-48101EE76BFC}"/>
              </a:ext>
            </a:extLst>
          </p:cNvPr>
          <p:cNvSpPr txBox="1"/>
          <p:nvPr/>
        </p:nvSpPr>
        <p:spPr>
          <a:xfrm>
            <a:off x="461319" y="477794"/>
            <a:ext cx="2582758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4400" dirty="0">
                <a:latin typeface="Comic Sans MS" panose="030F0702030302020204" pitchFamily="66" charset="0"/>
              </a:rPr>
              <a:t>Resource</a:t>
            </a:r>
            <a:endParaRPr lang="en-US" sz="4400" dirty="0">
              <a:latin typeface="Comic Sans MS" panose="030F0702030302020204" pitchFamily="66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7A05867-3760-1258-0CBD-861CD1BC56E4}"/>
              </a:ext>
            </a:extLst>
          </p:cNvPr>
          <p:cNvSpPr txBox="1"/>
          <p:nvPr/>
        </p:nvSpPr>
        <p:spPr>
          <a:xfrm>
            <a:off x="873211" y="1663697"/>
            <a:ext cx="11071654" cy="34163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Bicep element for Defining policy: </a:t>
            </a:r>
            <a:r>
              <a:rPr lang="en-US" dirty="0">
                <a:hlinkClick r:id="rId4"/>
              </a:rPr>
              <a:t>https://learn.microsoft.com/en-us/azure/templates/microsoft.authorization/policyassignments?pivots=deployment-language-bicep</a:t>
            </a:r>
            <a:endParaRPr lang="en-US" dirty="0"/>
          </a:p>
          <a:p>
            <a:endParaRPr lang="en-US" dirty="0"/>
          </a:p>
          <a:p>
            <a:r>
              <a:rPr lang="en-US" dirty="0"/>
              <a:t>Azure Quick start templates: </a:t>
            </a:r>
            <a:r>
              <a:rPr lang="en-US" dirty="0">
                <a:hlinkClick r:id="rId5"/>
              </a:rPr>
              <a:t>https://github.com/Azure/azure-quickstart-templates/tree/master/managementgroup-deployments/mg-policy</a:t>
            </a:r>
            <a:endParaRPr lang="en-US" dirty="0"/>
          </a:p>
          <a:p>
            <a:endParaRPr lang="en-US" dirty="0"/>
          </a:p>
          <a:p>
            <a:r>
              <a:rPr lang="en-US" dirty="0"/>
              <a:t>Azure Policy as code resource: </a:t>
            </a:r>
            <a:r>
              <a:rPr lang="en-US" dirty="0">
                <a:hlinkClick r:id="rId6"/>
              </a:rPr>
              <a:t>https://jloudon.com/cloud/Flexing-your-Security-Governance-with-Azure-Policy-as-Code/</a:t>
            </a:r>
            <a:endParaRPr lang="en-US" b="1" dirty="0"/>
          </a:p>
          <a:p>
            <a:endParaRPr lang="en-US" b="1" dirty="0"/>
          </a:p>
          <a:p>
            <a:r>
              <a:rPr lang="en-US" dirty="0"/>
              <a:t>Azure Enterprise Policy as Code – A </a:t>
            </a:r>
            <a:r>
              <a:rPr lang="en-US"/>
              <a:t>New Approach: </a:t>
            </a:r>
            <a:r>
              <a:rPr lang="en-US">
                <a:hlinkClick r:id="rId7"/>
              </a:rPr>
              <a:t>https://techcommunity.microsoft.com/t5/core-infrastructure-and-security/azure-enterprise-policy-as-code-a-new-approach/ba-p/3607843</a:t>
            </a:r>
            <a:r>
              <a:rPr lang="en-US"/>
              <a:t> </a:t>
            </a:r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844225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tile tx="0" ty="0" sx="100000" sy="100000" flip="none" algn="tl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748295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2a449b-94c7-4193-a03d-6728ae9ebb3f">
      <UserInfo>
        <DisplayName>Brynjar Skauvik</DisplayName>
        <AccountId>22</AccountId>
        <AccountType/>
      </UserInfo>
      <UserInfo>
        <DisplayName>Jenny Høyset</DisplayName>
        <AccountId>9</AccountId>
        <AccountType/>
      </UserInfo>
    </SharedWithUsers>
    <lcf76f155ced4ddcb4097134ff3c332f xmlns="a0d3c2a1-3c44-4b63-a416-d24b16e092d4">
      <Terms xmlns="http://schemas.microsoft.com/office/infopath/2007/PartnerControls"/>
    </lcf76f155ced4ddcb4097134ff3c332f>
    <TaxCatchAll xmlns="7d038d16-cce0-4d64-8011-ff6a449f9c94" xsi:nil="true"/>
  </documentManagement>
</p:properties>
</file>

<file path=customXml/item2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01B7A7EA-BF0D-4212-A9A7-9E8B0A55E42C}">
  <ds:schemaRefs/>
</ds:datastoreItem>
</file>

<file path=customXml/itemProps11.xml><?xml version="1.0" encoding="utf-8"?>
<ds:datastoreItem xmlns:ds="http://schemas.openxmlformats.org/officeDocument/2006/customXml" ds:itemID="{33E0939B-5F57-4EE0-A147-7B0431C9CDA7}">
  <ds:schemaRefs/>
</ds:datastoreItem>
</file>

<file path=customXml/itemProps12.xml><?xml version="1.0" encoding="utf-8"?>
<ds:datastoreItem xmlns:ds="http://schemas.openxmlformats.org/officeDocument/2006/customXml" ds:itemID="{0235CF34-3A64-4979-B923-EBB2C7E17CD7}">
  <ds:schemaRefs/>
</ds:datastoreItem>
</file>

<file path=customXml/itemProps13.xml><?xml version="1.0" encoding="utf-8"?>
<ds:datastoreItem xmlns:ds="http://schemas.openxmlformats.org/officeDocument/2006/customXml" ds:itemID="{6D909533-9CA3-45E6-82D5-4DF46D75B742}">
  <ds:schemaRefs/>
</ds:datastoreItem>
</file>

<file path=customXml/itemProps14.xml><?xml version="1.0" encoding="utf-8"?>
<ds:datastoreItem xmlns:ds="http://schemas.openxmlformats.org/officeDocument/2006/customXml" ds:itemID="{F4F05718-EFA6-47A9-A08A-4933E1D89E32}">
  <ds:schemaRefs/>
</ds:datastoreItem>
</file>

<file path=customXml/itemProps15.xml><?xml version="1.0" encoding="utf-8"?>
<ds:datastoreItem xmlns:ds="http://schemas.openxmlformats.org/officeDocument/2006/customXml" ds:itemID="{3A6AB17A-5B2E-4627-B670-D284BA38A5DD}">
  <ds:schemaRefs/>
</ds:datastoreItem>
</file>

<file path=customXml/itemProps16.xml><?xml version="1.0" encoding="utf-8"?>
<ds:datastoreItem xmlns:ds="http://schemas.openxmlformats.org/officeDocument/2006/customXml" ds:itemID="{73C72EA0-8E08-4922-B702-955694EF704C}">
  <ds:schemaRefs/>
</ds:datastoreItem>
</file>

<file path=customXml/itemProps17.xml><?xml version="1.0" encoding="utf-8"?>
<ds:datastoreItem xmlns:ds="http://schemas.openxmlformats.org/officeDocument/2006/customXml" ds:itemID="{32CA733B-9EB2-493E-A307-6B655B058483}">
  <ds:schemaRefs/>
</ds:datastoreItem>
</file>

<file path=customXml/itemProps18.xml><?xml version="1.0" encoding="utf-8"?>
<ds:datastoreItem xmlns:ds="http://schemas.openxmlformats.org/officeDocument/2006/customXml" ds:itemID="{CB466935-F7E6-409D-8C00-8A66B302A244}">
  <ds:schemaRefs/>
</ds:datastoreItem>
</file>

<file path=customXml/itemProps19.xml><?xml version="1.0" encoding="utf-8"?>
<ds:datastoreItem xmlns:ds="http://schemas.openxmlformats.org/officeDocument/2006/customXml" ds:itemID="{168ABC29-C834-41F5-B74E-52F6845218D3}">
  <ds:schemaRefs/>
</ds:datastoreItem>
</file>

<file path=customXml/itemProps2.xml><?xml version="1.0" encoding="utf-8"?>
<ds:datastoreItem xmlns:ds="http://schemas.openxmlformats.org/officeDocument/2006/customXml" ds:itemID="{50E6875C-C65A-4E07-BBA2-A5D0A80D1111}">
  <ds:schemaRefs>
    <ds:schemaRef ds:uri="http://schemas.microsoft.com/office/2006/metadata/properties"/>
    <ds:schemaRef ds:uri="http://schemas.microsoft.com/office/infopath/2007/PartnerControls"/>
    <ds:schemaRef ds:uri="b52a449b-94c7-4193-a03d-6728ae9ebb3f"/>
    <ds:schemaRef ds:uri="a0d3c2a1-3c44-4b63-a416-d24b16e092d4"/>
    <ds:schemaRef ds:uri="7d038d16-cce0-4d64-8011-ff6a449f9c94"/>
  </ds:schemaRefs>
</ds:datastoreItem>
</file>

<file path=customXml/itemProps20.xml><?xml version="1.0" encoding="utf-8"?>
<ds:datastoreItem xmlns:ds="http://schemas.openxmlformats.org/officeDocument/2006/customXml" ds:itemID="{74848E43-C4A3-4059-B8B8-7A1A9C30F45A}">
  <ds:schemaRefs/>
</ds:datastoreItem>
</file>

<file path=customXml/itemProps21.xml><?xml version="1.0" encoding="utf-8"?>
<ds:datastoreItem xmlns:ds="http://schemas.openxmlformats.org/officeDocument/2006/customXml" ds:itemID="{BB6803BF-4156-4A39-B397-4F79D827A2CD}">
  <ds:schemaRefs/>
</ds:datastoreItem>
</file>

<file path=customXml/itemProps22.xml><?xml version="1.0" encoding="utf-8"?>
<ds:datastoreItem xmlns:ds="http://schemas.openxmlformats.org/officeDocument/2006/customXml" ds:itemID="{B838FE29-2F86-4C82-B835-925F966A5B68}">
  <ds:schemaRefs/>
</ds:datastoreItem>
</file>

<file path=customXml/itemProps23.xml><?xml version="1.0" encoding="utf-8"?>
<ds:datastoreItem xmlns:ds="http://schemas.openxmlformats.org/officeDocument/2006/customXml" ds:itemID="{C898385D-179D-4715-BA07-C5F47E6A09D5}">
  <ds:schemaRefs/>
</ds:datastoreItem>
</file>

<file path=customXml/itemProps3.xml><?xml version="1.0" encoding="utf-8"?>
<ds:datastoreItem xmlns:ds="http://schemas.openxmlformats.org/officeDocument/2006/customXml" ds:itemID="{9544985E-3BAF-4300-8DE2-36F722802345}">
  <ds:schemaRefs/>
</ds:datastoreItem>
</file>

<file path=customXml/itemProps4.xml><?xml version="1.0" encoding="utf-8"?>
<ds:datastoreItem xmlns:ds="http://schemas.openxmlformats.org/officeDocument/2006/customXml" ds:itemID="{C0823018-BA97-4EA6-B0E2-B8141A874F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D86F5222-CE93-4FC6-B6A0-F4639CCB23B6}">
  <ds:schemaRefs/>
</ds:datastoreItem>
</file>

<file path=customXml/itemProps6.xml><?xml version="1.0" encoding="utf-8"?>
<ds:datastoreItem xmlns:ds="http://schemas.openxmlformats.org/officeDocument/2006/customXml" ds:itemID="{5B73485C-ED99-4F87-9EC7-328F716C248D}">
  <ds:schemaRefs/>
</ds:datastoreItem>
</file>

<file path=customXml/itemProps7.xml><?xml version="1.0" encoding="utf-8"?>
<ds:datastoreItem xmlns:ds="http://schemas.openxmlformats.org/officeDocument/2006/customXml" ds:itemID="{969E827E-CF8E-4F72-B4B5-B30E78567D39}">
  <ds:schemaRefs/>
</ds:datastoreItem>
</file>

<file path=customXml/itemProps8.xml><?xml version="1.0" encoding="utf-8"?>
<ds:datastoreItem xmlns:ds="http://schemas.openxmlformats.org/officeDocument/2006/customXml" ds:itemID="{AEA0C650-7C9D-4A5F-83E7-C633291FC09D}">
  <ds:schemaRefs/>
</ds:datastoreItem>
</file>

<file path=customXml/itemProps9.xml><?xml version="1.0" encoding="utf-8"?>
<ds:datastoreItem xmlns:ds="http://schemas.openxmlformats.org/officeDocument/2006/customXml" ds:itemID="{AC0771F9-4C12-443B-8D34-C40C9D7119F2}">
  <ds:schemaRefs/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0</TotalTime>
  <Words>391</Words>
  <Application>Microsoft Office PowerPoint</Application>
  <PresentationFormat>Widescreen</PresentationFormat>
  <Paragraphs>63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4" baseType="lpstr">
      <vt:lpstr>Arial</vt:lpstr>
      <vt:lpstr>Calibri</vt:lpstr>
      <vt:lpstr>Cavolini</vt:lpstr>
      <vt:lpstr>Comic Sans MS</vt:lpstr>
      <vt:lpstr>Atea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09T19:12:05Z</dcterms:created>
  <dcterms:modified xsi:type="dcterms:W3CDTF">2024-04-18T12:52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2B767147F2E0BC488137315F93927AF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</Properties>
</file>